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【済】\"/>
    </mc:Choice>
  </mc:AlternateContent>
  <bookViews>
    <workbookView xWindow="0" yWindow="0" windowWidth="15585" windowHeight="9330"/>
  </bookViews>
  <sheets>
    <sheet name="湖央部（丹沢湖）" sheetId="1" r:id="rId1"/>
    <sheet name="大仏大橋" sheetId="2" r:id="rId2"/>
    <sheet name="湖東部（丹沢湖）" sheetId="3" r:id="rId3"/>
    <sheet name="湖西部（丹沢湖）" sheetId="4" r:id="rId4"/>
    <sheet name="玄倉水位観測所" sheetId="5" r:id="rId5"/>
    <sheet name="湖流入前（河内川）" sheetId="6" r:id="rId6"/>
    <sheet name="落合発電所" sheetId="7" r:id="rId7"/>
    <sheet name="湖流入前（世附川）" sheetId="8" r:id="rId8"/>
  </sheets>
  <calcPr calcId="0"/>
</workbook>
</file>

<file path=xl/sharedStrings.xml><?xml version="1.0" encoding="utf-8"?>
<sst xmlns="http://schemas.openxmlformats.org/spreadsheetml/2006/main" count="2804" uniqueCount="399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曇り</t>
  </si>
  <si>
    <t>降雨なし</t>
  </si>
  <si>
    <t>16.2</t>
  </si>
  <si>
    <t>13.1</t>
  </si>
  <si>
    <t>0.5</t>
  </si>
  <si>
    <t>54.3</t>
  </si>
  <si>
    <t>2.8</t>
  </si>
  <si>
    <t>通常の状況</t>
  </si>
  <si>
    <t>緑色・淡（明）</t>
  </si>
  <si>
    <t>無臭</t>
  </si>
  <si>
    <t>7.9</t>
  </si>
  <si>
    <t>0.9</t>
  </si>
  <si>
    <t>1.7</t>
  </si>
  <si>
    <t>1</t>
  </si>
  <si>
    <t>7.2</t>
  </si>
  <si>
    <t>50.0</t>
  </si>
  <si>
    <t>7.3</t>
  </si>
  <si>
    <t>0.4</t>
  </si>
  <si>
    <t>1.3</t>
  </si>
  <si>
    <t>3</t>
  </si>
  <si>
    <t>2018/05/11</t>
  </si>
  <si>
    <t>晴れ</t>
  </si>
  <si>
    <t>21.0</t>
  </si>
  <si>
    <t>17.2</t>
  </si>
  <si>
    <t>53.3</t>
  </si>
  <si>
    <t>1.5</t>
  </si>
  <si>
    <t>黄緑色・中</t>
  </si>
  <si>
    <t>8.1</t>
  </si>
  <si>
    <t>1.0</t>
  </si>
  <si>
    <t>2.1</t>
  </si>
  <si>
    <t>6.5</t>
  </si>
  <si>
    <t>0.2</t>
  </si>
  <si>
    <t>2018/06/06</t>
  </si>
  <si>
    <t>雨</t>
  </si>
  <si>
    <t>18.4</t>
  </si>
  <si>
    <t>20.8</t>
  </si>
  <si>
    <t>50.8</t>
  </si>
  <si>
    <t>5.3</t>
  </si>
  <si>
    <t>2</t>
  </si>
  <si>
    <t>49.8</t>
  </si>
  <si>
    <t>7.1</t>
  </si>
  <si>
    <t>0.7</t>
  </si>
  <si>
    <t>2018/07/04</t>
  </si>
  <si>
    <t>24.6</t>
  </si>
  <si>
    <t>25.2</t>
  </si>
  <si>
    <t>48.1</t>
  </si>
  <si>
    <t>4.2</t>
  </si>
  <si>
    <t>8.4</t>
  </si>
  <si>
    <t>1.8</t>
  </si>
  <si>
    <t>2.5</t>
  </si>
  <si>
    <t>47.1</t>
  </si>
  <si>
    <t>0.6</t>
  </si>
  <si>
    <t>1.6</t>
  </si>
  <si>
    <t>23.8</t>
  </si>
  <si>
    <t>2018/08/21</t>
  </si>
  <si>
    <t>31.2</t>
  </si>
  <si>
    <t>24.1</t>
  </si>
  <si>
    <t>46.2</t>
  </si>
  <si>
    <t>6.8</t>
  </si>
  <si>
    <t>45.2</t>
  </si>
  <si>
    <t>22.8</t>
  </si>
  <si>
    <t>2018/09/20</t>
  </si>
  <si>
    <t>20.0</t>
  </si>
  <si>
    <t>20.2</t>
  </si>
  <si>
    <t>46.5</t>
  </si>
  <si>
    <t>2.0</t>
  </si>
  <si>
    <t>7.7</t>
  </si>
  <si>
    <t>8.9</t>
  </si>
  <si>
    <t>45.5</t>
  </si>
  <si>
    <t>0.3</t>
  </si>
  <si>
    <t>23.0</t>
  </si>
  <si>
    <t>2018/10/03</t>
  </si>
  <si>
    <t>18.1</t>
  </si>
  <si>
    <t>46.7</t>
  </si>
  <si>
    <t>濁り多し（上流または近海で工事のため）</t>
  </si>
  <si>
    <t>灰茶色・濃（暗）</t>
  </si>
  <si>
    <t>土臭（微）</t>
  </si>
  <si>
    <t>7.4</t>
  </si>
  <si>
    <t>4.0</t>
  </si>
  <si>
    <t>75</t>
  </si>
  <si>
    <t>12.0</t>
  </si>
  <si>
    <t>45.7</t>
  </si>
  <si>
    <t>4.9</t>
  </si>
  <si>
    <t>57</t>
  </si>
  <si>
    <t>23.1</t>
  </si>
  <si>
    <t>2018/11/08</t>
  </si>
  <si>
    <t>21.3</t>
  </si>
  <si>
    <t>15.9</t>
  </si>
  <si>
    <t>49.1</t>
  </si>
  <si>
    <t>緑色・中</t>
  </si>
  <si>
    <t>7.5</t>
  </si>
  <si>
    <t>14.1</t>
  </si>
  <si>
    <t>5</t>
  </si>
  <si>
    <t>24.3</t>
  </si>
  <si>
    <t>2018/12/05</t>
  </si>
  <si>
    <t>14.0</t>
  </si>
  <si>
    <t>53.1</t>
  </si>
  <si>
    <t>4.4</t>
  </si>
  <si>
    <t>0.8</t>
  </si>
  <si>
    <t>13.4</t>
  </si>
  <si>
    <t>1.2</t>
  </si>
  <si>
    <t>4</t>
  </si>
  <si>
    <t>2019/01/09</t>
  </si>
  <si>
    <t>9.6</t>
  </si>
  <si>
    <t>52.1</t>
  </si>
  <si>
    <t>4.5</t>
  </si>
  <si>
    <t>7.6</t>
  </si>
  <si>
    <t>1.4</t>
  </si>
  <si>
    <t>9.3</t>
  </si>
  <si>
    <t>2019/02/13</t>
  </si>
  <si>
    <t>48.2</t>
  </si>
  <si>
    <t>1.1</t>
  </si>
  <si>
    <t>47.2</t>
  </si>
  <si>
    <t>2019/03/06</t>
  </si>
  <si>
    <t>10.0</t>
  </si>
  <si>
    <t>17.0</t>
  </si>
  <si>
    <t>27.2</t>
  </si>
  <si>
    <t>6.6</t>
  </si>
  <si>
    <t>26.2</t>
  </si>
  <si>
    <t>29.5</t>
  </si>
  <si>
    <t>23.9</t>
  </si>
  <si>
    <t>19.3</t>
  </si>
  <si>
    <t>10.1</t>
  </si>
  <si>
    <t>18.3</t>
  </si>
  <si>
    <t>1.9</t>
  </si>
  <si>
    <t>8</t>
  </si>
  <si>
    <t>9.4</t>
  </si>
  <si>
    <t>21.4</t>
  </si>
  <si>
    <t>15.6</t>
  </si>
  <si>
    <t>28.7</t>
  </si>
  <si>
    <t>14.6</t>
  </si>
  <si>
    <t>27.7</t>
  </si>
  <si>
    <t>6.2</t>
  </si>
  <si>
    <t>26.1</t>
  </si>
  <si>
    <t>25.1</t>
  </si>
  <si>
    <t>12.8</t>
  </si>
  <si>
    <t>20.4</t>
  </si>
  <si>
    <t>23.6</t>
  </si>
  <si>
    <t>29.2</t>
  </si>
  <si>
    <t>23.3</t>
  </si>
  <si>
    <t>黄緑色・淡（明）</t>
  </si>
  <si>
    <t>8.0</t>
  </si>
  <si>
    <t>2.2</t>
  </si>
  <si>
    <t>10.3</t>
  </si>
  <si>
    <t>19.4</t>
  </si>
  <si>
    <t>10</t>
  </si>
  <si>
    <t>9.9</t>
  </si>
  <si>
    <t>21.6</t>
  </si>
  <si>
    <t>16.0</t>
  </si>
  <si>
    <t>13</t>
  </si>
  <si>
    <t>12.3</t>
  </si>
  <si>
    <t>7.0</t>
  </si>
  <si>
    <t>4.3</t>
  </si>
  <si>
    <t>6.7</t>
  </si>
  <si>
    <t>10.2</t>
  </si>
  <si>
    <t>14.8</t>
  </si>
  <si>
    <t>12.6</t>
  </si>
  <si>
    <t>56.2</t>
  </si>
  <si>
    <t>2.3</t>
  </si>
  <si>
    <t>2.4</t>
  </si>
  <si>
    <t>19.1</t>
  </si>
  <si>
    <t>16.4</t>
  </si>
  <si>
    <t>52.4</t>
  </si>
  <si>
    <t>8.5</t>
  </si>
  <si>
    <t>2.6</t>
  </si>
  <si>
    <t>18.6</t>
  </si>
  <si>
    <t>20.7</t>
  </si>
  <si>
    <t>4.6</t>
  </si>
  <si>
    <t>8.3</t>
  </si>
  <si>
    <t>22.4</t>
  </si>
  <si>
    <t>24.8</t>
  </si>
  <si>
    <t>47.6</t>
  </si>
  <si>
    <t>3.5</t>
  </si>
  <si>
    <t>8.7</t>
  </si>
  <si>
    <t>46.6</t>
  </si>
  <si>
    <t>23.5</t>
  </si>
  <si>
    <t>30.1</t>
  </si>
  <si>
    <t>3.1</t>
  </si>
  <si>
    <t>19.0</t>
  </si>
  <si>
    <t>19.7</t>
  </si>
  <si>
    <t>4.1</t>
  </si>
  <si>
    <t>6</t>
  </si>
  <si>
    <t>9.1</t>
  </si>
  <si>
    <t>46.1</t>
  </si>
  <si>
    <t>15</t>
  </si>
  <si>
    <t>19.6</t>
  </si>
  <si>
    <t>17.8</t>
  </si>
  <si>
    <t>47.9</t>
  </si>
  <si>
    <t>0.1</t>
  </si>
  <si>
    <t>58</t>
  </si>
  <si>
    <t>10.7</t>
  </si>
  <si>
    <t>46.9</t>
  </si>
  <si>
    <t>3.7</t>
  </si>
  <si>
    <t>26</t>
  </si>
  <si>
    <t>23.7</t>
  </si>
  <si>
    <t>15.7</t>
  </si>
  <si>
    <t>51.2</t>
  </si>
  <si>
    <t>12.2</t>
  </si>
  <si>
    <t>55.1</t>
  </si>
  <si>
    <t>3.8</t>
  </si>
  <si>
    <t>5.6</t>
  </si>
  <si>
    <t>&lt;1</t>
  </si>
  <si>
    <t>6.0</t>
  </si>
  <si>
    <t>50.1</t>
  </si>
  <si>
    <t>9.7</t>
  </si>
  <si>
    <t>49.2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丹沢湖</t>
  </si>
  <si>
    <t>湖央部（丹沢湖）(14-551-01)</t>
  </si>
  <si>
    <t>湖沼A</t>
  </si>
  <si>
    <t>神奈川県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下層</t>
  </si>
  <si>
    <t>5mm以上10mm未満</t>
  </si>
  <si>
    <t>0mm以上5mm未満</t>
  </si>
  <si>
    <t>大仏大橋(14-551-51)</t>
  </si>
  <si>
    <t>湖東部（丹沢湖）(14-551-52)</t>
  </si>
  <si>
    <t>湖西部（丹沢湖）(14-551-53)</t>
  </si>
  <si>
    <t>ｎ-ヘキサン抽出物質</t>
  </si>
  <si>
    <t>鉛</t>
  </si>
  <si>
    <t>MPN/100mL</t>
  </si>
  <si>
    <t>&lt;0.5</t>
  </si>
  <si>
    <t>&lt;0.0003</t>
  </si>
  <si>
    <t>&lt;0.01</t>
  </si>
  <si>
    <t>&lt;0.02</t>
  </si>
  <si>
    <t>&lt;0.0005</t>
  </si>
  <si>
    <t>&lt;0.0001</t>
  </si>
  <si>
    <t>1，3-ジクロロプロペン</t>
  </si>
  <si>
    <t>銅</t>
  </si>
  <si>
    <t>溶解性鉄</t>
  </si>
  <si>
    <t>&lt;0.0002</t>
  </si>
  <si>
    <t>&lt;0.08</t>
  </si>
  <si>
    <t>&lt;0.005</t>
  </si>
  <si>
    <t>有機りん</t>
  </si>
  <si>
    <t>mS/m</t>
  </si>
  <si>
    <t>‰</t>
  </si>
  <si>
    <t>&lt;0.04</t>
  </si>
  <si>
    <t>&lt;0.03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&lt;0.00006</t>
  </si>
  <si>
    <t>&lt;0.0006</t>
  </si>
  <si>
    <t>上層、下層の混合</t>
  </si>
  <si>
    <t>&lt;0.003</t>
  </si>
  <si>
    <t>無色</t>
  </si>
  <si>
    <t>&gt;100</t>
  </si>
  <si>
    <t>0.32</t>
  </si>
  <si>
    <t>0.06</t>
  </si>
  <si>
    <t>0.89</t>
  </si>
  <si>
    <t>0.84</t>
  </si>
  <si>
    <t>5.8</t>
  </si>
  <si>
    <t>3.2</t>
  </si>
  <si>
    <t>流心（中央）</t>
  </si>
  <si>
    <t>0.35</t>
  </si>
  <si>
    <t>0.07</t>
  </si>
  <si>
    <t>0.48</t>
  </si>
  <si>
    <t>0.10</t>
  </si>
  <si>
    <t>3.4</t>
  </si>
  <si>
    <t>0.82</t>
  </si>
  <si>
    <t>17.6</t>
  </si>
  <si>
    <t>94</t>
  </si>
  <si>
    <t>0.18</t>
  </si>
  <si>
    <t>0.04</t>
  </si>
  <si>
    <t>0.61</t>
  </si>
  <si>
    <t>16.8</t>
  </si>
  <si>
    <t>河川A</t>
  </si>
  <si>
    <t>玄倉水位観測所(14-017-57)</t>
  </si>
  <si>
    <t>酒匂川(玄倉川)</t>
  </si>
  <si>
    <t>0.33</t>
  </si>
  <si>
    <t>0.070</t>
  </si>
  <si>
    <t>3.0</t>
  </si>
  <si>
    <t>7.8</t>
  </si>
  <si>
    <t>0.12</t>
  </si>
  <si>
    <t>0.02</t>
  </si>
  <si>
    <t>0.14</t>
  </si>
  <si>
    <t>14.5</t>
  </si>
  <si>
    <t>0.39</t>
  </si>
  <si>
    <t>0.08</t>
  </si>
  <si>
    <t>0.21</t>
  </si>
  <si>
    <t>18.8</t>
  </si>
  <si>
    <t>0.31</t>
  </si>
  <si>
    <t>0.92</t>
  </si>
  <si>
    <t>0.19</t>
  </si>
  <si>
    <t>18.9</t>
  </si>
  <si>
    <t>1,4-ジオキサン</t>
    <phoneticPr fontId="18"/>
  </si>
  <si>
    <t>LAS</t>
    <phoneticPr fontId="18"/>
  </si>
  <si>
    <t>ノニルフェノール</t>
    <phoneticPr fontId="18"/>
  </si>
  <si>
    <t>湖流入前（河内川）(14-017-58)</t>
  </si>
  <si>
    <t>酒匂川(河内川)</t>
  </si>
  <si>
    <t>0</t>
  </si>
  <si>
    <t>5.0</t>
  </si>
  <si>
    <t>2.7</t>
  </si>
  <si>
    <t>14.2</t>
  </si>
  <si>
    <t>33.1</t>
  </si>
  <si>
    <t>12.5</t>
  </si>
  <si>
    <t>落合発電所(14-017-56)</t>
  </si>
  <si>
    <t>酒匂川(落合発電所放</t>
  </si>
  <si>
    <t>0.30</t>
  </si>
  <si>
    <t>0.20</t>
  </si>
  <si>
    <t>0.25</t>
  </si>
  <si>
    <t>0.26</t>
  </si>
  <si>
    <t>0.05</t>
  </si>
  <si>
    <t>15.0</t>
  </si>
  <si>
    <t>0.42</t>
  </si>
  <si>
    <t>18.5</t>
  </si>
  <si>
    <t>27.4</t>
  </si>
  <si>
    <t>2.9</t>
  </si>
  <si>
    <t>0.57</t>
  </si>
  <si>
    <t>12.7</t>
  </si>
  <si>
    <t>1,4-ジオキサン</t>
    <phoneticPr fontId="18"/>
  </si>
  <si>
    <t>湖流入前（世附川）(14-017-59)</t>
  </si>
  <si>
    <t>酒匂川(世附川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20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80</v>
      </c>
      <c r="C1" s="1" t="s">
        <v>1</v>
      </c>
      <c r="D1" s="1" t="s">
        <v>281</v>
      </c>
      <c r="E1" s="1" t="s">
        <v>2</v>
      </c>
      <c r="F1" s="1" t="s">
        <v>28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0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2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277777777777773</v>
      </c>
      <c r="C4" s="1" t="s">
        <v>291</v>
      </c>
      <c r="D4" s="1" t="s">
        <v>27</v>
      </c>
      <c r="E4" s="1" t="s">
        <v>28</v>
      </c>
      <c r="F4" s="1" t="s">
        <v>29</v>
      </c>
      <c r="G4" s="1" t="s">
        <v>30</v>
      </c>
      <c r="J4" s="1" t="s">
        <v>31</v>
      </c>
      <c r="K4" s="1" t="s">
        <v>32</v>
      </c>
      <c r="M4" s="1" t="s">
        <v>33</v>
      </c>
      <c r="N4" s="1" t="s">
        <v>34</v>
      </c>
      <c r="O4" s="1" t="s">
        <v>35</v>
      </c>
      <c r="P4" s="1" t="s">
        <v>36</v>
      </c>
      <c r="Q4" s="1" t="s">
        <v>37</v>
      </c>
      <c r="R4" s="1" t="s">
        <v>38</v>
      </c>
      <c r="S4" s="1" t="s">
        <v>39</v>
      </c>
      <c r="T4" s="1" t="s">
        <v>40</v>
      </c>
      <c r="U4" s="1">
        <v>10.8</v>
      </c>
      <c r="V4" s="3">
        <v>49</v>
      </c>
      <c r="W4" s="1"/>
      <c r="X4" s="1">
        <v>0.34</v>
      </c>
      <c r="Y4" s="1">
        <v>8.0000000000000002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21</v>
      </c>
      <c r="BD4" s="1">
        <v>0.26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 t="s">
        <v>312</v>
      </c>
      <c r="BO4" s="1">
        <v>9</v>
      </c>
      <c r="BP4" s="1"/>
      <c r="BQ4" s="1"/>
      <c r="BR4" s="1"/>
      <c r="BS4" s="1"/>
      <c r="BT4" s="1">
        <v>4.5</v>
      </c>
      <c r="BU4" s="1"/>
      <c r="BV4" s="1"/>
      <c r="BW4" s="1"/>
      <c r="BX4" s="1"/>
      <c r="BY4" s="1"/>
      <c r="BZ4" s="1"/>
    </row>
    <row r="5" spans="1:78" x14ac:dyDescent="0.15">
      <c r="B5" s="2">
        <v>0.41319444444444442</v>
      </c>
      <c r="C5" s="1" t="s">
        <v>292</v>
      </c>
      <c r="D5" s="1" t="s">
        <v>27</v>
      </c>
      <c r="E5" s="1" t="s">
        <v>28</v>
      </c>
      <c r="G5" s="1" t="s">
        <v>41</v>
      </c>
      <c r="J5" s="1" t="s">
        <v>42</v>
      </c>
      <c r="N5" s="1" t="s">
        <v>34</v>
      </c>
      <c r="P5" s="1" t="s">
        <v>36</v>
      </c>
      <c r="Q5" s="1" t="s">
        <v>43</v>
      </c>
      <c r="R5" s="1" t="s">
        <v>44</v>
      </c>
      <c r="S5" s="1" t="s">
        <v>45</v>
      </c>
      <c r="T5" s="1" t="s">
        <v>46</v>
      </c>
      <c r="U5" s="1">
        <v>8.8000000000000007</v>
      </c>
      <c r="V5" s="1"/>
      <c r="W5" s="1"/>
      <c r="X5" s="1">
        <v>0.37</v>
      </c>
      <c r="Y5" s="1">
        <v>7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3</v>
      </c>
      <c r="BD5" s="1">
        <v>0.28000000000000003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 t="s">
        <v>312</v>
      </c>
      <c r="BO5" s="1">
        <v>9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7</v>
      </c>
      <c r="B6" s="2">
        <v>0.61736111111111114</v>
      </c>
      <c r="C6" s="1" t="s">
        <v>291</v>
      </c>
      <c r="D6" s="1" t="s">
        <v>48</v>
      </c>
      <c r="E6" s="1" t="s">
        <v>293</v>
      </c>
      <c r="F6" s="1" t="s">
        <v>49</v>
      </c>
      <c r="G6" s="1" t="s">
        <v>50</v>
      </c>
      <c r="J6" s="1" t="s">
        <v>31</v>
      </c>
      <c r="K6" s="1" t="s">
        <v>51</v>
      </c>
      <c r="M6" s="1" t="s">
        <v>52</v>
      </c>
      <c r="N6" s="1" t="s">
        <v>34</v>
      </c>
      <c r="O6" s="1" t="s">
        <v>53</v>
      </c>
      <c r="P6" s="1" t="s">
        <v>36</v>
      </c>
      <c r="Q6" s="1" t="s">
        <v>54</v>
      </c>
      <c r="R6" s="1" t="s">
        <v>55</v>
      </c>
      <c r="S6" s="1" t="s">
        <v>56</v>
      </c>
      <c r="T6" s="1" t="s">
        <v>46</v>
      </c>
      <c r="U6" s="1">
        <v>10.3</v>
      </c>
      <c r="V6" s="3">
        <v>23</v>
      </c>
      <c r="W6" s="1"/>
      <c r="X6" s="1">
        <v>0.36</v>
      </c>
      <c r="Y6" s="1">
        <v>8.9999999999999993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18</v>
      </c>
      <c r="BD6" s="1">
        <v>0.23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9</v>
      </c>
      <c r="BP6" s="1">
        <v>1.4</v>
      </c>
      <c r="BQ6" s="1"/>
      <c r="BR6" s="1"/>
      <c r="BS6" s="1"/>
      <c r="BT6" s="1">
        <v>5.3</v>
      </c>
      <c r="BU6" s="1"/>
      <c r="BV6" s="1"/>
      <c r="BW6" s="1"/>
      <c r="BX6" s="1"/>
      <c r="BY6" s="1"/>
      <c r="BZ6" s="1"/>
    </row>
    <row r="7" spans="1:78" x14ac:dyDescent="0.15">
      <c r="B7" s="2">
        <v>0.62152777777777779</v>
      </c>
      <c r="C7" s="1" t="s">
        <v>292</v>
      </c>
      <c r="D7" s="1" t="s">
        <v>48</v>
      </c>
      <c r="E7" s="1" t="s">
        <v>293</v>
      </c>
      <c r="G7" s="1" t="s">
        <v>57</v>
      </c>
      <c r="J7" s="1" t="s">
        <v>42</v>
      </c>
      <c r="N7" s="1" t="s">
        <v>34</v>
      </c>
      <c r="P7" s="1" t="s">
        <v>36</v>
      </c>
      <c r="Q7" s="1" t="s">
        <v>43</v>
      </c>
      <c r="R7" s="1" t="s">
        <v>58</v>
      </c>
      <c r="S7" s="1" t="s">
        <v>38</v>
      </c>
      <c r="T7" s="1" t="s">
        <v>40</v>
      </c>
      <c r="U7" s="1">
        <v>7.4</v>
      </c>
      <c r="V7" s="1"/>
      <c r="W7" s="1"/>
      <c r="X7" s="1">
        <v>0.38</v>
      </c>
      <c r="Y7" s="1">
        <v>3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26</v>
      </c>
      <c r="BD7" s="1">
        <v>0.31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10</v>
      </c>
      <c r="BP7" s="1">
        <v>1.4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9</v>
      </c>
      <c r="B8" s="2">
        <v>0.3923611111111111</v>
      </c>
      <c r="C8" s="1" t="s">
        <v>291</v>
      </c>
      <c r="D8" s="1" t="s">
        <v>60</v>
      </c>
      <c r="E8" s="1" t="s">
        <v>294</v>
      </c>
      <c r="F8" s="1" t="s">
        <v>61</v>
      </c>
      <c r="G8" s="1" t="s">
        <v>62</v>
      </c>
      <c r="J8" s="1" t="s">
        <v>31</v>
      </c>
      <c r="K8" s="1" t="s">
        <v>63</v>
      </c>
      <c r="M8" s="1" t="s">
        <v>64</v>
      </c>
      <c r="N8" s="1" t="s">
        <v>34</v>
      </c>
      <c r="O8" s="1" t="s">
        <v>35</v>
      </c>
      <c r="P8" s="1" t="s">
        <v>36</v>
      </c>
      <c r="Q8" s="1" t="s">
        <v>54</v>
      </c>
      <c r="R8" s="1" t="s">
        <v>52</v>
      </c>
      <c r="S8" s="1" t="s">
        <v>39</v>
      </c>
      <c r="T8" s="1" t="s">
        <v>65</v>
      </c>
      <c r="U8" s="1">
        <v>9.6999999999999993</v>
      </c>
      <c r="V8" s="3">
        <v>33</v>
      </c>
      <c r="W8" s="1"/>
      <c r="X8" s="1">
        <v>0.36</v>
      </c>
      <c r="Y8" s="1">
        <v>7.0000000000000001E-3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303</v>
      </c>
      <c r="BC8" s="1">
        <v>0.16</v>
      </c>
      <c r="BD8" s="1">
        <v>0.21</v>
      </c>
      <c r="BE8" s="1"/>
      <c r="BF8" s="1"/>
      <c r="BG8" s="1"/>
      <c r="BH8" s="1"/>
      <c r="BI8" s="1"/>
      <c r="BJ8" s="1"/>
      <c r="BK8" s="1"/>
      <c r="BL8" s="1"/>
      <c r="BM8" s="1" t="s">
        <v>316</v>
      </c>
      <c r="BN8" s="1" t="s">
        <v>312</v>
      </c>
      <c r="BO8" s="1">
        <v>10</v>
      </c>
      <c r="BP8" s="1"/>
      <c r="BQ8" s="1"/>
      <c r="BR8" s="1"/>
      <c r="BS8" s="1"/>
      <c r="BT8" s="1">
        <v>6.2</v>
      </c>
      <c r="BU8" s="1"/>
      <c r="BV8" s="1"/>
      <c r="BW8" s="1"/>
      <c r="BX8" s="1"/>
      <c r="BY8" s="1"/>
      <c r="BZ8" s="1"/>
    </row>
    <row r="9" spans="1:78" x14ac:dyDescent="0.15">
      <c r="B9" s="2">
        <v>0.39930555555555558</v>
      </c>
      <c r="C9" s="1" t="s">
        <v>292</v>
      </c>
      <c r="D9" s="1" t="s">
        <v>60</v>
      </c>
      <c r="E9" s="1" t="s">
        <v>294</v>
      </c>
      <c r="G9" s="1" t="s">
        <v>37</v>
      </c>
      <c r="J9" s="1" t="s">
        <v>66</v>
      </c>
      <c r="N9" s="1" t="s">
        <v>34</v>
      </c>
      <c r="P9" s="1" t="s">
        <v>36</v>
      </c>
      <c r="Q9" s="1" t="s">
        <v>67</v>
      </c>
      <c r="R9" s="1" t="s">
        <v>68</v>
      </c>
      <c r="S9" s="1" t="s">
        <v>55</v>
      </c>
      <c r="T9" s="1" t="s">
        <v>40</v>
      </c>
      <c r="U9" s="1">
        <v>5.4</v>
      </c>
      <c r="V9" s="1"/>
      <c r="W9" s="1"/>
      <c r="X9" s="1">
        <v>0.42</v>
      </c>
      <c r="Y9" s="1">
        <v>5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303</v>
      </c>
      <c r="BC9" s="1">
        <v>0.23</v>
      </c>
      <c r="BD9" s="1">
        <v>0.28000000000000003</v>
      </c>
      <c r="BE9" s="1"/>
      <c r="BF9" s="1"/>
      <c r="BG9" s="1"/>
      <c r="BH9" s="1"/>
      <c r="BI9" s="1"/>
      <c r="BJ9" s="1"/>
      <c r="BK9" s="1"/>
      <c r="BL9" s="1"/>
      <c r="BM9" s="1" t="s">
        <v>316</v>
      </c>
      <c r="BN9" s="1" t="s">
        <v>312</v>
      </c>
      <c r="BO9" s="1">
        <v>1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9</v>
      </c>
      <c r="B10" s="2">
        <v>0.40625</v>
      </c>
      <c r="C10" s="1" t="s">
        <v>291</v>
      </c>
      <c r="D10" s="1" t="s">
        <v>60</v>
      </c>
      <c r="E10" s="1" t="s">
        <v>28</v>
      </c>
      <c r="F10" s="1" t="s">
        <v>70</v>
      </c>
      <c r="G10" s="1" t="s">
        <v>71</v>
      </c>
      <c r="J10" s="1" t="s">
        <v>31</v>
      </c>
      <c r="K10" s="1" t="s">
        <v>72</v>
      </c>
      <c r="M10" s="1" t="s">
        <v>73</v>
      </c>
      <c r="N10" s="1" t="s">
        <v>34</v>
      </c>
      <c r="O10" s="1" t="s">
        <v>35</v>
      </c>
      <c r="P10" s="1" t="s">
        <v>36</v>
      </c>
      <c r="Q10" s="1" t="s">
        <v>74</v>
      </c>
      <c r="R10" s="1" t="s">
        <v>75</v>
      </c>
      <c r="S10" s="1" t="s">
        <v>76</v>
      </c>
      <c r="T10" s="1" t="s">
        <v>65</v>
      </c>
      <c r="U10" s="1">
        <v>9.3000000000000007</v>
      </c>
      <c r="V10" s="3">
        <v>22</v>
      </c>
      <c r="W10" s="1"/>
      <c r="X10" s="1">
        <v>0.38</v>
      </c>
      <c r="Y10" s="1">
        <v>8.9999999999999993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303</v>
      </c>
      <c r="BC10" s="1">
        <v>0.18</v>
      </c>
      <c r="BD10" s="1">
        <v>0.23</v>
      </c>
      <c r="BE10" s="1"/>
      <c r="BF10" s="1"/>
      <c r="BG10" s="1"/>
      <c r="BH10" s="1"/>
      <c r="BI10" s="1"/>
      <c r="BJ10" s="1"/>
      <c r="BK10" s="1"/>
      <c r="BL10" s="1"/>
      <c r="BM10" s="1" t="s">
        <v>316</v>
      </c>
      <c r="BN10" s="1" t="s">
        <v>312</v>
      </c>
      <c r="BO10" s="1">
        <v>10</v>
      </c>
      <c r="BP10" s="1"/>
      <c r="BQ10" s="1"/>
      <c r="BR10" s="1"/>
      <c r="BS10" s="1"/>
      <c r="BT10" s="1">
        <v>11</v>
      </c>
      <c r="BU10" s="1"/>
      <c r="BV10" s="1"/>
      <c r="BW10" s="1"/>
      <c r="BX10" s="1"/>
      <c r="BY10" s="1"/>
      <c r="BZ10" s="1"/>
    </row>
    <row r="11" spans="1:78" x14ac:dyDescent="0.15">
      <c r="B11" s="2">
        <v>0.41666666666666669</v>
      </c>
      <c r="C11" s="1" t="s">
        <v>292</v>
      </c>
      <c r="D11" s="1" t="s">
        <v>60</v>
      </c>
      <c r="E11" s="1" t="s">
        <v>28</v>
      </c>
      <c r="G11" s="1" t="s">
        <v>37</v>
      </c>
      <c r="J11" s="1" t="s">
        <v>77</v>
      </c>
      <c r="N11" s="1" t="s">
        <v>34</v>
      </c>
      <c r="P11" s="1" t="s">
        <v>36</v>
      </c>
      <c r="Q11" s="1" t="s">
        <v>41</v>
      </c>
      <c r="R11" s="1" t="s">
        <v>78</v>
      </c>
      <c r="S11" s="1" t="s">
        <v>79</v>
      </c>
      <c r="T11" s="1" t="s">
        <v>65</v>
      </c>
      <c r="U11" s="1">
        <v>2.1</v>
      </c>
      <c r="V11" s="1"/>
      <c r="W11" s="1"/>
      <c r="X11" s="1">
        <v>0.45</v>
      </c>
      <c r="Y11" s="1">
        <v>7.0000000000000001E-3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303</v>
      </c>
      <c r="BC11" s="1">
        <v>0.24</v>
      </c>
      <c r="BD11" s="1">
        <v>0.28999999999999998</v>
      </c>
      <c r="BE11" s="1"/>
      <c r="BF11" s="1"/>
      <c r="BG11" s="1"/>
      <c r="BH11" s="1"/>
      <c r="BI11" s="1"/>
      <c r="BJ11" s="1"/>
      <c r="BK11" s="1"/>
      <c r="BL11" s="1"/>
      <c r="BM11" s="1" t="s">
        <v>316</v>
      </c>
      <c r="BN11" s="1" t="s">
        <v>312</v>
      </c>
      <c r="BO11" s="1">
        <v>1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41666666666666669</v>
      </c>
      <c r="C12" s="1" t="s">
        <v>329</v>
      </c>
      <c r="D12" s="1" t="s">
        <v>60</v>
      </c>
      <c r="E12" s="1" t="s">
        <v>28</v>
      </c>
      <c r="J12" s="1" t="s">
        <v>80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305</v>
      </c>
      <c r="AV12" s="1" t="s">
        <v>302</v>
      </c>
      <c r="AW12" s="1" t="s">
        <v>302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305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1</v>
      </c>
      <c r="B13" s="2">
        <v>0.5</v>
      </c>
      <c r="C13" s="1" t="s">
        <v>291</v>
      </c>
      <c r="D13" s="1" t="s">
        <v>48</v>
      </c>
      <c r="E13" s="1" t="s">
        <v>28</v>
      </c>
      <c r="F13" s="1" t="s">
        <v>82</v>
      </c>
      <c r="G13" s="1" t="s">
        <v>83</v>
      </c>
      <c r="J13" s="1" t="s">
        <v>31</v>
      </c>
      <c r="K13" s="1" t="s">
        <v>84</v>
      </c>
      <c r="M13" s="1" t="s">
        <v>45</v>
      </c>
      <c r="N13" s="1" t="s">
        <v>34</v>
      </c>
      <c r="O13" s="1" t="s">
        <v>53</v>
      </c>
      <c r="P13" s="1" t="s">
        <v>36</v>
      </c>
      <c r="Q13" s="1" t="s">
        <v>37</v>
      </c>
      <c r="R13" s="1" t="s">
        <v>31</v>
      </c>
      <c r="S13" s="1" t="s">
        <v>75</v>
      </c>
      <c r="T13" s="1" t="s">
        <v>46</v>
      </c>
      <c r="U13" s="1">
        <v>9.6</v>
      </c>
      <c r="V13" s="3">
        <v>13</v>
      </c>
      <c r="W13" s="1" t="s">
        <v>301</v>
      </c>
      <c r="X13" s="1">
        <v>0.4</v>
      </c>
      <c r="Y13" s="1">
        <v>6.0000000000000001E-3</v>
      </c>
      <c r="Z13" s="1">
        <v>1.2999999999999999E-2</v>
      </c>
      <c r="AA13" s="1" t="s">
        <v>327</v>
      </c>
      <c r="AB13" s="1" t="s">
        <v>328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03</v>
      </c>
      <c r="BC13" s="1">
        <v>0.18</v>
      </c>
      <c r="BD13" s="1">
        <v>0.23</v>
      </c>
      <c r="BE13" s="1"/>
      <c r="BF13" s="1"/>
      <c r="BG13" s="1"/>
      <c r="BH13" s="1"/>
      <c r="BI13" s="1"/>
      <c r="BJ13" s="1"/>
      <c r="BK13" s="1"/>
      <c r="BL13" s="1"/>
      <c r="BM13" s="1" t="s">
        <v>316</v>
      </c>
      <c r="BN13" s="1" t="s">
        <v>312</v>
      </c>
      <c r="BO13" s="1">
        <v>8</v>
      </c>
      <c r="BP13" s="1">
        <v>1.1000000000000001</v>
      </c>
      <c r="BQ13" s="1"/>
      <c r="BR13" s="1"/>
      <c r="BS13" s="1"/>
      <c r="BT13" s="1">
        <v>2.1</v>
      </c>
      <c r="BU13" s="1"/>
      <c r="BV13" s="1"/>
      <c r="BW13" s="1"/>
      <c r="BX13" s="1"/>
      <c r="BY13" s="1"/>
      <c r="BZ13" s="1"/>
    </row>
    <row r="14" spans="1:78" x14ac:dyDescent="0.15">
      <c r="B14" s="2">
        <v>0.51041666666666663</v>
      </c>
      <c r="C14" s="1" t="s">
        <v>292</v>
      </c>
      <c r="D14" s="1" t="s">
        <v>48</v>
      </c>
      <c r="E14" s="1" t="s">
        <v>28</v>
      </c>
      <c r="G14" s="1" t="s">
        <v>85</v>
      </c>
      <c r="J14" s="1" t="s">
        <v>86</v>
      </c>
      <c r="N14" s="1" t="s">
        <v>34</v>
      </c>
      <c r="P14" s="1" t="s">
        <v>36</v>
      </c>
      <c r="Q14" s="1" t="s">
        <v>41</v>
      </c>
      <c r="R14" s="1" t="s">
        <v>31</v>
      </c>
      <c r="S14" s="1" t="s">
        <v>75</v>
      </c>
      <c r="T14" s="1" t="s">
        <v>46</v>
      </c>
      <c r="U14" s="1">
        <v>1.1000000000000001</v>
      </c>
      <c r="V14" s="1"/>
      <c r="W14" s="1"/>
      <c r="X14" s="1">
        <v>0.38</v>
      </c>
      <c r="Y14" s="1">
        <v>5.0000000000000001E-3</v>
      </c>
      <c r="Z14" s="1">
        <v>1.4999999999999999E-2</v>
      </c>
      <c r="AA14" s="1" t="s">
        <v>327</v>
      </c>
      <c r="AB14" s="1" t="s">
        <v>328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7</v>
      </c>
      <c r="BD14" s="1">
        <v>0.22</v>
      </c>
      <c r="BE14" s="1"/>
      <c r="BF14" s="1"/>
      <c r="BG14" s="1"/>
      <c r="BH14" s="1"/>
      <c r="BI14" s="1"/>
      <c r="BJ14" s="1"/>
      <c r="BK14" s="1"/>
      <c r="BL14" s="1"/>
      <c r="BM14" s="1" t="s">
        <v>316</v>
      </c>
      <c r="BN14" s="1" t="s">
        <v>312</v>
      </c>
      <c r="BO14" s="1">
        <v>10</v>
      </c>
      <c r="BP14" s="1">
        <v>1.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1041666666666663</v>
      </c>
      <c r="C15" s="1" t="s">
        <v>329</v>
      </c>
      <c r="D15" s="1" t="s">
        <v>48</v>
      </c>
      <c r="E15" s="1" t="s">
        <v>28</v>
      </c>
      <c r="J15" s="1" t="s">
        <v>87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>
        <v>2.4E-2</v>
      </c>
      <c r="BV15" s="1">
        <v>2.3E-2</v>
      </c>
      <c r="BW15" s="1">
        <v>1.6999999999999999E-3</v>
      </c>
      <c r="BX15" s="1" t="s">
        <v>306</v>
      </c>
      <c r="BY15" s="1" t="s">
        <v>306</v>
      </c>
      <c r="BZ15" s="1"/>
    </row>
    <row r="16" spans="1:78" x14ac:dyDescent="0.15">
      <c r="A16" s="1" t="s">
        <v>88</v>
      </c>
      <c r="B16" s="2">
        <v>0.4236111111111111</v>
      </c>
      <c r="C16" s="1" t="s">
        <v>291</v>
      </c>
      <c r="D16" s="1" t="s">
        <v>27</v>
      </c>
      <c r="E16" s="1" t="s">
        <v>28</v>
      </c>
      <c r="F16" s="1" t="s">
        <v>89</v>
      </c>
      <c r="G16" s="1" t="s">
        <v>90</v>
      </c>
      <c r="J16" s="1" t="s">
        <v>31</v>
      </c>
      <c r="K16" s="1" t="s">
        <v>91</v>
      </c>
      <c r="M16" s="1" t="s">
        <v>92</v>
      </c>
      <c r="N16" s="1" t="s">
        <v>34</v>
      </c>
      <c r="O16" s="1" t="s">
        <v>53</v>
      </c>
      <c r="P16" s="1" t="s">
        <v>36</v>
      </c>
      <c r="Q16" s="1" t="s">
        <v>93</v>
      </c>
      <c r="R16" s="1" t="s">
        <v>78</v>
      </c>
      <c r="S16" s="1" t="s">
        <v>52</v>
      </c>
      <c r="T16" s="1" t="s">
        <v>46</v>
      </c>
      <c r="U16" s="1">
        <v>9.3000000000000007</v>
      </c>
      <c r="V16" s="3">
        <v>220</v>
      </c>
      <c r="W16" s="1"/>
      <c r="X16" s="1">
        <v>0.43</v>
      </c>
      <c r="Y16" s="1">
        <v>0.01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303</v>
      </c>
      <c r="BC16" s="1">
        <v>0.28000000000000003</v>
      </c>
      <c r="BD16" s="1">
        <v>0.33</v>
      </c>
      <c r="BE16" s="1"/>
      <c r="BF16" s="1"/>
      <c r="BG16" s="1"/>
      <c r="BH16" s="1"/>
      <c r="BI16" s="1"/>
      <c r="BJ16" s="1"/>
      <c r="BK16" s="1"/>
      <c r="BL16" s="1"/>
      <c r="BM16" s="1" t="s">
        <v>316</v>
      </c>
      <c r="BN16" s="1" t="s">
        <v>312</v>
      </c>
      <c r="BO16" s="1">
        <v>9</v>
      </c>
      <c r="BP16" s="1"/>
      <c r="BQ16" s="1"/>
      <c r="BR16" s="1"/>
      <c r="BS16" s="1"/>
      <c r="BT16" s="1">
        <v>5.3</v>
      </c>
      <c r="BU16" s="1"/>
      <c r="BV16" s="1"/>
      <c r="BW16" s="1"/>
      <c r="BX16" s="1"/>
      <c r="BY16" s="1"/>
      <c r="BZ16" s="1"/>
    </row>
    <row r="17" spans="1:78" x14ac:dyDescent="0.15">
      <c r="B17" s="2">
        <v>0.4375</v>
      </c>
      <c r="C17" s="1" t="s">
        <v>292</v>
      </c>
      <c r="D17" s="1" t="s">
        <v>27</v>
      </c>
      <c r="E17" s="1" t="s">
        <v>28</v>
      </c>
      <c r="G17" s="1" t="s">
        <v>94</v>
      </c>
      <c r="J17" s="1" t="s">
        <v>95</v>
      </c>
      <c r="N17" s="1" t="s">
        <v>34</v>
      </c>
      <c r="P17" s="1" t="s">
        <v>36</v>
      </c>
      <c r="Q17" s="1" t="s">
        <v>67</v>
      </c>
      <c r="R17" s="1" t="s">
        <v>96</v>
      </c>
      <c r="S17" s="1" t="s">
        <v>45</v>
      </c>
      <c r="T17" s="1" t="s">
        <v>46</v>
      </c>
      <c r="U17" s="1">
        <v>0.7</v>
      </c>
      <c r="V17" s="1"/>
      <c r="W17" s="1"/>
      <c r="X17" s="1">
        <v>0.31</v>
      </c>
      <c r="Y17" s="1">
        <v>8.0000000000000002E-3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5</v>
      </c>
      <c r="BC17" s="1">
        <v>0.11</v>
      </c>
      <c r="BD17" s="1">
        <v>0.16</v>
      </c>
      <c r="BE17" s="1"/>
      <c r="BF17" s="1"/>
      <c r="BG17" s="1"/>
      <c r="BH17" s="1"/>
      <c r="BI17" s="1"/>
      <c r="BJ17" s="1"/>
      <c r="BK17" s="1"/>
      <c r="BL17" s="1"/>
      <c r="BM17" s="1" t="s">
        <v>316</v>
      </c>
      <c r="BN17" s="1" t="s">
        <v>312</v>
      </c>
      <c r="BO17" s="1">
        <v>1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375</v>
      </c>
      <c r="C18" s="1" t="s">
        <v>329</v>
      </c>
      <c r="D18" s="1" t="s">
        <v>27</v>
      </c>
      <c r="E18" s="1" t="s">
        <v>28</v>
      </c>
      <c r="J18" s="1" t="s">
        <v>97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41666666666666669</v>
      </c>
      <c r="C19" s="1" t="s">
        <v>291</v>
      </c>
      <c r="D19" s="1" t="s">
        <v>48</v>
      </c>
      <c r="E19" s="1" t="s">
        <v>28</v>
      </c>
      <c r="F19" s="1" t="s">
        <v>97</v>
      </c>
      <c r="G19" s="1" t="s">
        <v>99</v>
      </c>
      <c r="J19" s="1" t="s">
        <v>31</v>
      </c>
      <c r="K19" s="1" t="s">
        <v>100</v>
      </c>
      <c r="M19" s="1" t="s">
        <v>58</v>
      </c>
      <c r="N19" s="1" t="s">
        <v>101</v>
      </c>
      <c r="O19" s="1" t="s">
        <v>102</v>
      </c>
      <c r="P19" s="1" t="s">
        <v>103</v>
      </c>
      <c r="Q19" s="1" t="s">
        <v>104</v>
      </c>
      <c r="R19" s="1" t="s">
        <v>78</v>
      </c>
      <c r="S19" s="1" t="s">
        <v>105</v>
      </c>
      <c r="T19" s="1" t="s">
        <v>106</v>
      </c>
      <c r="U19" s="1">
        <v>8.8000000000000007</v>
      </c>
      <c r="V19" s="3">
        <v>7900</v>
      </c>
      <c r="W19" s="1"/>
      <c r="X19" s="1">
        <v>0.66</v>
      </c>
      <c r="Y19" s="1">
        <v>8.6999999999999994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03</v>
      </c>
      <c r="BC19" s="1">
        <v>0.28999999999999998</v>
      </c>
      <c r="BD19" s="1">
        <v>0.34</v>
      </c>
      <c r="BE19" s="1"/>
      <c r="BF19" s="1"/>
      <c r="BG19" s="1"/>
      <c r="BH19" s="1"/>
      <c r="BI19" s="1"/>
      <c r="BJ19" s="1"/>
      <c r="BK19" s="1"/>
      <c r="BL19" s="1"/>
      <c r="BM19" s="1" t="s">
        <v>316</v>
      </c>
      <c r="BN19" s="1">
        <v>3.7999999999999999E-2</v>
      </c>
      <c r="BO19" s="1">
        <v>7</v>
      </c>
      <c r="BP19" s="1"/>
      <c r="BQ19" s="1"/>
      <c r="BR19" s="1" t="s">
        <v>317</v>
      </c>
      <c r="BS19" s="1"/>
      <c r="BT19" s="1">
        <v>5.5</v>
      </c>
      <c r="BU19" s="1"/>
      <c r="BV19" s="1"/>
      <c r="BW19" s="1"/>
      <c r="BX19" s="1"/>
      <c r="BY19" s="1"/>
      <c r="BZ19" s="1"/>
    </row>
    <row r="20" spans="1:78" x14ac:dyDescent="0.15">
      <c r="B20" s="2">
        <v>0.4236111111111111</v>
      </c>
      <c r="C20" s="1" t="s">
        <v>292</v>
      </c>
      <c r="D20" s="1" t="s">
        <v>48</v>
      </c>
      <c r="E20" s="1" t="s">
        <v>28</v>
      </c>
      <c r="G20" s="1" t="s">
        <v>107</v>
      </c>
      <c r="J20" s="1" t="s">
        <v>108</v>
      </c>
      <c r="N20" s="1" t="s">
        <v>101</v>
      </c>
      <c r="P20" s="1" t="s">
        <v>103</v>
      </c>
      <c r="Q20" s="1" t="s">
        <v>67</v>
      </c>
      <c r="R20" s="1" t="s">
        <v>38</v>
      </c>
      <c r="S20" s="1" t="s">
        <v>109</v>
      </c>
      <c r="T20" s="1" t="s">
        <v>110</v>
      </c>
      <c r="U20" s="1">
        <v>1.7</v>
      </c>
      <c r="V20" s="1"/>
      <c r="W20" s="1"/>
      <c r="X20" s="1">
        <v>0.67</v>
      </c>
      <c r="Y20" s="1">
        <v>8.6999999999999994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3</v>
      </c>
      <c r="BC20" s="1">
        <v>0.13</v>
      </c>
      <c r="BD20" s="1">
        <v>0.18</v>
      </c>
      <c r="BE20" s="1"/>
      <c r="BF20" s="1"/>
      <c r="BG20" s="1"/>
      <c r="BH20" s="1"/>
      <c r="BI20" s="1"/>
      <c r="BJ20" s="1"/>
      <c r="BK20" s="1"/>
      <c r="BL20" s="1"/>
      <c r="BM20" s="1">
        <v>0.05</v>
      </c>
      <c r="BN20" s="1">
        <v>2.9000000000000001E-2</v>
      </c>
      <c r="BO20" s="1">
        <v>9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236111111111111</v>
      </c>
      <c r="C21" s="1" t="s">
        <v>329</v>
      </c>
      <c r="D21" s="1" t="s">
        <v>48</v>
      </c>
      <c r="E21" s="1" t="s">
        <v>28</v>
      </c>
      <c r="J21" s="1" t="s">
        <v>111</v>
      </c>
      <c r="N21" s="1" t="s">
        <v>101</v>
      </c>
      <c r="U21" s="1"/>
      <c r="V21" s="1"/>
      <c r="W21" s="1"/>
      <c r="X21" s="1"/>
      <c r="Y21" s="1"/>
      <c r="Z21" s="1"/>
      <c r="AA21" s="1"/>
      <c r="AB21" s="1"/>
      <c r="AC21" s="1" t="s">
        <v>302</v>
      </c>
      <c r="AD21" s="1" t="s">
        <v>303</v>
      </c>
      <c r="AE21" s="1">
        <v>1.1000000000000001E-3</v>
      </c>
      <c r="AF21" s="1" t="s">
        <v>304</v>
      </c>
      <c r="AG21" s="1" t="s">
        <v>305</v>
      </c>
      <c r="AH21" s="1" t="s">
        <v>305</v>
      </c>
      <c r="AI21" s="1"/>
      <c r="AJ21" s="1" t="s">
        <v>305</v>
      </c>
      <c r="AK21" s="1" t="s">
        <v>306</v>
      </c>
      <c r="AL21" s="1" t="s">
        <v>306</v>
      </c>
      <c r="AM21" s="1" t="s">
        <v>306</v>
      </c>
      <c r="AN21" s="1" t="s">
        <v>306</v>
      </c>
      <c r="AO21" s="1" t="s">
        <v>306</v>
      </c>
      <c r="AP21" t="s">
        <v>306</v>
      </c>
      <c r="AQ21" s="1" t="s">
        <v>306</v>
      </c>
      <c r="AR21" s="1" t="s">
        <v>306</v>
      </c>
      <c r="AS21" s="1" t="s">
        <v>306</v>
      </c>
      <c r="AT21" s="1" t="s">
        <v>310</v>
      </c>
      <c r="AU21" s="1"/>
      <c r="AV21" s="1"/>
      <c r="AW21" s="1"/>
      <c r="AX21" s="1" t="s">
        <v>306</v>
      </c>
      <c r="AY21" s="1" t="s">
        <v>305</v>
      </c>
      <c r="AZ21" s="1" t="s">
        <v>311</v>
      </c>
      <c r="BA21" s="1">
        <v>6.3E-3</v>
      </c>
      <c r="BB21" s="1"/>
      <c r="BC21" s="1"/>
      <c r="BD21" s="1"/>
      <c r="BE21" s="1" t="s">
        <v>312</v>
      </c>
      <c r="BF21" s="1" t="s">
        <v>312</v>
      </c>
      <c r="BG21" s="1">
        <v>1.2E-2</v>
      </c>
      <c r="BH21" s="1">
        <v>0.13</v>
      </c>
      <c r="BI21" s="1" t="s">
        <v>303</v>
      </c>
      <c r="BJ21" s="1" t="s">
        <v>312</v>
      </c>
      <c r="BK21" s="1"/>
      <c r="BL21" s="1">
        <v>2E-3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12</v>
      </c>
      <c r="B22" s="2">
        <v>0.61805555555555558</v>
      </c>
      <c r="C22" s="1" t="s">
        <v>291</v>
      </c>
      <c r="D22" s="1" t="s">
        <v>48</v>
      </c>
      <c r="E22" s="1" t="s">
        <v>294</v>
      </c>
      <c r="F22" s="1" t="s">
        <v>113</v>
      </c>
      <c r="G22" s="1" t="s">
        <v>114</v>
      </c>
      <c r="J22" s="1" t="s">
        <v>31</v>
      </c>
      <c r="K22" s="1" t="s">
        <v>115</v>
      </c>
      <c r="M22" s="1" t="s">
        <v>75</v>
      </c>
      <c r="N22" s="1" t="s">
        <v>34</v>
      </c>
      <c r="O22" s="1" t="s">
        <v>116</v>
      </c>
      <c r="P22" s="1" t="s">
        <v>36</v>
      </c>
      <c r="Q22" s="1" t="s">
        <v>117</v>
      </c>
      <c r="R22" s="1" t="s">
        <v>38</v>
      </c>
      <c r="S22" s="1" t="s">
        <v>92</v>
      </c>
      <c r="T22" s="1" t="s">
        <v>65</v>
      </c>
      <c r="U22" s="1">
        <v>9.3000000000000007</v>
      </c>
      <c r="V22" s="3">
        <v>46</v>
      </c>
      <c r="W22" s="1"/>
      <c r="X22" s="1">
        <v>0.35</v>
      </c>
      <c r="Y22" s="1">
        <v>7.0000000000000001E-3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03</v>
      </c>
      <c r="BC22" s="1">
        <v>0.21</v>
      </c>
      <c r="BD22" s="1">
        <v>0.26</v>
      </c>
      <c r="BE22" s="1"/>
      <c r="BF22" s="1"/>
      <c r="BG22" s="1"/>
      <c r="BH22" s="1"/>
      <c r="BI22" s="1"/>
      <c r="BJ22" s="1"/>
      <c r="BK22" s="1"/>
      <c r="BL22" s="1"/>
      <c r="BM22" s="1" t="s">
        <v>316</v>
      </c>
      <c r="BN22" s="1" t="s">
        <v>312</v>
      </c>
      <c r="BO22" s="1">
        <v>9</v>
      </c>
      <c r="BP22" s="1">
        <v>1.6</v>
      </c>
      <c r="BQ22" s="1"/>
      <c r="BR22" s="1"/>
      <c r="BS22" s="1"/>
      <c r="BT22" s="1">
        <v>4.7</v>
      </c>
      <c r="BU22" s="1"/>
      <c r="BV22" s="1"/>
      <c r="BW22" s="1"/>
      <c r="BX22" s="1"/>
      <c r="BY22" s="1"/>
      <c r="BZ22" s="1"/>
    </row>
    <row r="23" spans="1:78" x14ac:dyDescent="0.15">
      <c r="B23" s="2">
        <v>0.62847222222222221</v>
      </c>
      <c r="C23" s="1" t="s">
        <v>292</v>
      </c>
      <c r="D23" s="1" t="s">
        <v>48</v>
      </c>
      <c r="E23" s="1" t="s">
        <v>294</v>
      </c>
      <c r="G23" s="1" t="s">
        <v>118</v>
      </c>
      <c r="J23" s="1" t="s">
        <v>72</v>
      </c>
      <c r="N23" s="1" t="s">
        <v>34</v>
      </c>
      <c r="P23" s="1" t="s">
        <v>36</v>
      </c>
      <c r="Q23" s="1" t="s">
        <v>43</v>
      </c>
      <c r="R23" s="1" t="s">
        <v>58</v>
      </c>
      <c r="S23" s="1" t="s">
        <v>52</v>
      </c>
      <c r="T23" s="1" t="s">
        <v>119</v>
      </c>
      <c r="U23" s="1">
        <v>7.4</v>
      </c>
      <c r="V23" s="1"/>
      <c r="W23" s="1"/>
      <c r="X23" s="1">
        <v>0.33</v>
      </c>
      <c r="Y23" s="1">
        <v>8.0000000000000002E-3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03</v>
      </c>
      <c r="BC23" s="1">
        <v>0.23</v>
      </c>
      <c r="BD23" s="1">
        <v>0.28000000000000003</v>
      </c>
      <c r="BE23" s="1"/>
      <c r="BF23" s="1"/>
      <c r="BG23" s="1"/>
      <c r="BH23" s="1"/>
      <c r="BI23" s="1"/>
      <c r="BJ23" s="1"/>
      <c r="BK23" s="1"/>
      <c r="BL23" s="1"/>
      <c r="BM23" s="1" t="s">
        <v>316</v>
      </c>
      <c r="BN23" s="1" t="s">
        <v>312</v>
      </c>
      <c r="BO23" s="1">
        <v>8</v>
      </c>
      <c r="BP23" s="1">
        <v>1.5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62847222222222221</v>
      </c>
      <c r="C24" s="1" t="s">
        <v>329</v>
      </c>
      <c r="D24" s="1" t="s">
        <v>48</v>
      </c>
      <c r="E24" s="1" t="s">
        <v>294</v>
      </c>
      <c r="J24" s="1" t="s">
        <v>120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21</v>
      </c>
      <c r="B25" s="2">
        <v>0.39930555555555558</v>
      </c>
      <c r="C25" s="1" t="s">
        <v>291</v>
      </c>
      <c r="D25" s="1" t="s">
        <v>27</v>
      </c>
      <c r="E25" s="1" t="s">
        <v>293</v>
      </c>
      <c r="F25" s="1" t="s">
        <v>29</v>
      </c>
      <c r="G25" s="1" t="s">
        <v>122</v>
      </c>
      <c r="J25" s="1" t="s">
        <v>31</v>
      </c>
      <c r="K25" s="1" t="s">
        <v>123</v>
      </c>
      <c r="M25" s="1" t="s">
        <v>124</v>
      </c>
      <c r="N25" s="1" t="s">
        <v>34</v>
      </c>
      <c r="O25" s="1" t="s">
        <v>35</v>
      </c>
      <c r="P25" s="1" t="s">
        <v>36</v>
      </c>
      <c r="Q25" s="1" t="s">
        <v>117</v>
      </c>
      <c r="R25" s="1" t="s">
        <v>125</v>
      </c>
      <c r="S25" s="1" t="s">
        <v>45</v>
      </c>
      <c r="T25" s="1" t="s">
        <v>40</v>
      </c>
      <c r="U25" s="1">
        <v>8.9</v>
      </c>
      <c r="V25" s="3">
        <v>33</v>
      </c>
      <c r="W25" s="1"/>
      <c r="X25" s="1">
        <v>0.32</v>
      </c>
      <c r="Y25" s="1">
        <v>4.0000000000000001E-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303</v>
      </c>
      <c r="BC25" s="1">
        <v>0.21</v>
      </c>
      <c r="BD25" s="1">
        <v>0.26</v>
      </c>
      <c r="BE25" s="1"/>
      <c r="BF25" s="1"/>
      <c r="BG25" s="1"/>
      <c r="BH25" s="1"/>
      <c r="BI25" s="1"/>
      <c r="BJ25" s="1"/>
      <c r="BK25" s="1"/>
      <c r="BL25" s="1"/>
      <c r="BM25" s="1" t="s">
        <v>316</v>
      </c>
      <c r="BN25" s="1" t="s">
        <v>312</v>
      </c>
      <c r="BO25" s="1">
        <v>9</v>
      </c>
      <c r="BP25" s="1"/>
      <c r="BQ25" s="1"/>
      <c r="BR25" s="1"/>
      <c r="BS25" s="1"/>
      <c r="BT25" s="1">
        <v>2.7</v>
      </c>
      <c r="BU25" s="1"/>
      <c r="BV25" s="1"/>
      <c r="BW25" s="1"/>
      <c r="BX25" s="1"/>
      <c r="BY25" s="1"/>
      <c r="BZ25" s="1"/>
    </row>
    <row r="26" spans="1:78" x14ac:dyDescent="0.15">
      <c r="B26" s="2">
        <v>0.40625</v>
      </c>
      <c r="C26" s="1" t="s">
        <v>292</v>
      </c>
      <c r="D26" s="1" t="s">
        <v>27</v>
      </c>
      <c r="E26" s="1" t="s">
        <v>293</v>
      </c>
      <c r="G26" s="1" t="s">
        <v>126</v>
      </c>
      <c r="J26" s="1" t="s">
        <v>42</v>
      </c>
      <c r="N26" s="1" t="s">
        <v>34</v>
      </c>
      <c r="P26" s="1" t="s">
        <v>36</v>
      </c>
      <c r="Q26" s="1" t="s">
        <v>104</v>
      </c>
      <c r="R26" s="1" t="s">
        <v>68</v>
      </c>
      <c r="S26" s="1" t="s">
        <v>127</v>
      </c>
      <c r="T26" s="1" t="s">
        <v>128</v>
      </c>
      <c r="U26" s="1">
        <v>8.1999999999999993</v>
      </c>
      <c r="V26" s="1"/>
      <c r="W26" s="1"/>
      <c r="X26" s="1">
        <v>0.32</v>
      </c>
      <c r="Y26" s="1">
        <v>5.0000000000000001E-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303</v>
      </c>
      <c r="BC26" s="1">
        <v>0.2</v>
      </c>
      <c r="BD26" s="1">
        <v>0.25</v>
      </c>
      <c r="BE26" s="1"/>
      <c r="BF26" s="1"/>
      <c r="BG26" s="1"/>
      <c r="BH26" s="1"/>
      <c r="BI26" s="1"/>
      <c r="BJ26" s="1"/>
      <c r="BK26" s="1"/>
      <c r="BL26" s="1"/>
      <c r="BM26" s="1" t="s">
        <v>316</v>
      </c>
      <c r="BN26" s="1" t="s">
        <v>312</v>
      </c>
      <c r="BO26" s="1">
        <v>9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0625</v>
      </c>
      <c r="C27" s="1" t="s">
        <v>329</v>
      </c>
      <c r="D27" s="1" t="s">
        <v>27</v>
      </c>
      <c r="E27" s="1" t="s">
        <v>293</v>
      </c>
      <c r="J27" s="1" t="s">
        <v>71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9</v>
      </c>
      <c r="B28" s="2">
        <v>0.40972222222222227</v>
      </c>
      <c r="C28" s="1" t="s">
        <v>291</v>
      </c>
      <c r="D28" s="1" t="s">
        <v>48</v>
      </c>
      <c r="E28" s="1" t="s">
        <v>28</v>
      </c>
      <c r="F28" s="1" t="s">
        <v>57</v>
      </c>
      <c r="G28" s="1" t="s">
        <v>130</v>
      </c>
      <c r="J28" s="1" t="s">
        <v>31</v>
      </c>
      <c r="K28" s="1" t="s">
        <v>131</v>
      </c>
      <c r="M28" s="1" t="s">
        <v>132</v>
      </c>
      <c r="N28" s="1" t="s">
        <v>34</v>
      </c>
      <c r="O28" s="1" t="s">
        <v>35</v>
      </c>
      <c r="P28" s="1" t="s">
        <v>36</v>
      </c>
      <c r="Q28" s="1" t="s">
        <v>133</v>
      </c>
      <c r="R28" s="1" t="s">
        <v>44</v>
      </c>
      <c r="S28" s="1" t="s">
        <v>134</v>
      </c>
      <c r="T28" s="1" t="s">
        <v>40</v>
      </c>
      <c r="U28" s="1">
        <v>9.6</v>
      </c>
      <c r="V28" s="3">
        <v>49</v>
      </c>
      <c r="W28" s="1"/>
      <c r="X28" s="1">
        <v>0.3</v>
      </c>
      <c r="Y28" s="1">
        <v>5.0000000000000001E-3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303</v>
      </c>
      <c r="BC28" s="1">
        <v>0.21</v>
      </c>
      <c r="BD28" s="1">
        <v>0.26</v>
      </c>
      <c r="BF28" s="1"/>
      <c r="BG28" s="1"/>
      <c r="BH28" s="1"/>
      <c r="BI28" s="1"/>
      <c r="BJ28" s="1"/>
      <c r="BK28" s="1"/>
      <c r="BL28" s="1"/>
      <c r="BM28" s="1" t="s">
        <v>316</v>
      </c>
      <c r="BN28" s="1" t="s">
        <v>312</v>
      </c>
      <c r="BO28" s="1">
        <v>9</v>
      </c>
      <c r="BP28" s="1"/>
      <c r="BQ28" s="1"/>
      <c r="BR28" s="1"/>
      <c r="BS28" s="1"/>
      <c r="BT28" s="1">
        <v>2.1</v>
      </c>
      <c r="BU28" s="1"/>
      <c r="BV28" s="1"/>
      <c r="BW28" s="1"/>
      <c r="BX28" s="1"/>
      <c r="BY28" s="1"/>
      <c r="BZ28" s="1"/>
    </row>
    <row r="29" spans="1:78" x14ac:dyDescent="0.15">
      <c r="B29" s="2">
        <v>0.42708333333333331</v>
      </c>
      <c r="C29" s="1" t="s">
        <v>292</v>
      </c>
      <c r="D29" s="1" t="s">
        <v>48</v>
      </c>
      <c r="E29" s="1" t="s">
        <v>28</v>
      </c>
      <c r="G29" s="1" t="s">
        <v>135</v>
      </c>
      <c r="J29" s="1" t="s">
        <v>42</v>
      </c>
      <c r="N29" s="1" t="s">
        <v>34</v>
      </c>
      <c r="P29" s="1" t="s">
        <v>36</v>
      </c>
      <c r="Q29" s="1" t="s">
        <v>117</v>
      </c>
      <c r="R29" s="1" t="s">
        <v>96</v>
      </c>
      <c r="S29" s="1" t="s">
        <v>39</v>
      </c>
      <c r="T29" s="1" t="s">
        <v>40</v>
      </c>
      <c r="U29" s="1">
        <v>9.5</v>
      </c>
      <c r="V29" s="1"/>
      <c r="W29" s="1"/>
      <c r="X29" s="1">
        <v>0.3</v>
      </c>
      <c r="Y29" s="1">
        <v>4.0000000000000001E-3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303</v>
      </c>
      <c r="BC29" s="1">
        <v>0.21</v>
      </c>
      <c r="BD29" s="1">
        <v>0.26</v>
      </c>
      <c r="BF29" s="1"/>
      <c r="BG29" s="1"/>
      <c r="BH29" s="1"/>
      <c r="BI29" s="1"/>
      <c r="BJ29" s="1"/>
      <c r="BK29" s="1"/>
      <c r="BL29" s="1"/>
      <c r="BM29" s="1" t="s">
        <v>316</v>
      </c>
      <c r="BN29" s="1" t="s">
        <v>312</v>
      </c>
      <c r="BO29" s="1">
        <v>9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2708333333333331</v>
      </c>
      <c r="C30" s="1" t="s">
        <v>329</v>
      </c>
      <c r="D30" s="1" t="s">
        <v>48</v>
      </c>
      <c r="E30" s="1" t="s">
        <v>28</v>
      </c>
      <c r="J30" s="1" t="s">
        <v>71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36</v>
      </c>
      <c r="B31" s="2">
        <v>0.49305555555555558</v>
      </c>
      <c r="C31" s="1" t="s">
        <v>291</v>
      </c>
      <c r="D31" s="1" t="s">
        <v>27</v>
      </c>
      <c r="E31" s="1" t="s">
        <v>28</v>
      </c>
      <c r="F31" s="1" t="s">
        <v>41</v>
      </c>
      <c r="G31" s="1" t="s">
        <v>41</v>
      </c>
      <c r="J31" s="1" t="s">
        <v>31</v>
      </c>
      <c r="K31" s="1" t="s">
        <v>137</v>
      </c>
      <c r="M31" s="1" t="s">
        <v>105</v>
      </c>
      <c r="N31" s="1" t="s">
        <v>34</v>
      </c>
      <c r="O31" s="1" t="s">
        <v>116</v>
      </c>
      <c r="P31" s="1" t="s">
        <v>36</v>
      </c>
      <c r="Q31" s="1" t="s">
        <v>117</v>
      </c>
      <c r="R31" s="1" t="s">
        <v>138</v>
      </c>
      <c r="S31" s="1" t="s">
        <v>39</v>
      </c>
      <c r="T31" s="1" t="s">
        <v>40</v>
      </c>
      <c r="U31" s="1">
        <v>10</v>
      </c>
      <c r="V31" s="3">
        <v>23</v>
      </c>
      <c r="W31" s="1" t="s">
        <v>301</v>
      </c>
      <c r="X31" s="1">
        <v>0.31</v>
      </c>
      <c r="Y31" s="1">
        <v>4.0000000000000001E-3</v>
      </c>
      <c r="Z31" s="1">
        <v>4.0000000000000001E-3</v>
      </c>
      <c r="AA31" t="s">
        <v>327</v>
      </c>
      <c r="AB31" t="s">
        <v>327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303</v>
      </c>
      <c r="BC31" s="1">
        <v>0.2</v>
      </c>
      <c r="BD31" s="1">
        <v>0.25</v>
      </c>
      <c r="BF31" s="1"/>
      <c r="BG31" s="1"/>
      <c r="BH31" s="1"/>
      <c r="BI31" s="1"/>
      <c r="BJ31" s="1"/>
      <c r="BK31" s="1"/>
      <c r="BL31" s="1"/>
      <c r="BM31" s="1" t="s">
        <v>316</v>
      </c>
      <c r="BN31" s="1" t="s">
        <v>312</v>
      </c>
      <c r="BO31" s="1">
        <v>10</v>
      </c>
      <c r="BP31" s="1">
        <v>1.6</v>
      </c>
      <c r="BQ31" s="1"/>
      <c r="BR31" s="1"/>
      <c r="BS31" s="1"/>
      <c r="BT31" s="1">
        <v>1.6</v>
      </c>
      <c r="BU31" s="1"/>
      <c r="BV31" s="1"/>
      <c r="BW31" s="1"/>
      <c r="BX31" s="1"/>
      <c r="BY31" s="1"/>
      <c r="BZ31" s="1"/>
    </row>
    <row r="32" spans="1:78" x14ac:dyDescent="0.15">
      <c r="B32" s="2">
        <v>0.5</v>
      </c>
      <c r="C32" s="1" t="s">
        <v>292</v>
      </c>
      <c r="D32" s="1" t="s">
        <v>27</v>
      </c>
      <c r="E32" s="1" t="s">
        <v>28</v>
      </c>
      <c r="G32" s="1" t="s">
        <v>41</v>
      </c>
      <c r="J32" s="1" t="s">
        <v>139</v>
      </c>
      <c r="N32" s="1" t="s">
        <v>34</v>
      </c>
      <c r="P32" s="1" t="s">
        <v>36</v>
      </c>
      <c r="Q32" s="1" t="s">
        <v>117</v>
      </c>
      <c r="R32" s="1" t="s">
        <v>138</v>
      </c>
      <c r="S32" s="1" t="s">
        <v>45</v>
      </c>
      <c r="T32" s="1" t="s">
        <v>40</v>
      </c>
      <c r="U32" s="1">
        <v>9.8000000000000007</v>
      </c>
      <c r="V32" s="1"/>
      <c r="W32" s="1"/>
      <c r="X32" s="1">
        <v>0.33</v>
      </c>
      <c r="Y32" s="1">
        <v>5.0000000000000001E-3</v>
      </c>
      <c r="Z32" s="1">
        <v>4.1000000000000003E-3</v>
      </c>
      <c r="AA32" t="s">
        <v>328</v>
      </c>
      <c r="AB32" t="s">
        <v>328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303</v>
      </c>
      <c r="BC32" s="1">
        <v>0.19</v>
      </c>
      <c r="BD32" s="1">
        <v>0.24</v>
      </c>
      <c r="BF32" s="1"/>
      <c r="BG32" s="1"/>
      <c r="BH32" s="1"/>
      <c r="BI32" s="1"/>
      <c r="BJ32" s="1"/>
      <c r="BK32" s="1"/>
      <c r="BL32" s="1"/>
      <c r="BM32" s="1" t="s">
        <v>316</v>
      </c>
      <c r="BN32" s="1" t="s">
        <v>312</v>
      </c>
      <c r="BO32" s="1">
        <v>10</v>
      </c>
      <c r="BP32" s="1">
        <v>1.6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</v>
      </c>
      <c r="C33" s="1" t="s">
        <v>329</v>
      </c>
      <c r="D33" s="1" t="s">
        <v>27</v>
      </c>
      <c r="E33" s="1" t="s">
        <v>28</v>
      </c>
      <c r="J33" s="1" t="s">
        <v>80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>
        <v>2.1999999999999999E-2</v>
      </c>
      <c r="BV33" s="1">
        <v>2.1000000000000001E-2</v>
      </c>
      <c r="BW33" s="1">
        <v>1.5E-3</v>
      </c>
      <c r="BX33" s="1" t="s">
        <v>306</v>
      </c>
      <c r="BY33" s="1" t="s">
        <v>306</v>
      </c>
      <c r="BZ33" s="1"/>
    </row>
    <row r="34" spans="1:78" x14ac:dyDescent="0.15">
      <c r="A34" s="1" t="s">
        <v>140</v>
      </c>
      <c r="B34" s="2">
        <v>0.40972222222222227</v>
      </c>
      <c r="C34" s="1" t="s">
        <v>291</v>
      </c>
      <c r="D34" s="1" t="s">
        <v>27</v>
      </c>
      <c r="E34" s="1" t="s">
        <v>294</v>
      </c>
      <c r="F34" s="1" t="s">
        <v>141</v>
      </c>
      <c r="G34" s="1" t="s">
        <v>130</v>
      </c>
      <c r="J34" s="1" t="s">
        <v>31</v>
      </c>
      <c r="K34" s="1" t="s">
        <v>72</v>
      </c>
      <c r="M34" s="1" t="s">
        <v>73</v>
      </c>
      <c r="N34" s="1" t="s">
        <v>34</v>
      </c>
      <c r="O34" s="1" t="s">
        <v>35</v>
      </c>
      <c r="P34" s="1" t="s">
        <v>36</v>
      </c>
      <c r="Q34" s="1" t="s">
        <v>117</v>
      </c>
      <c r="R34" s="1" t="s">
        <v>38</v>
      </c>
      <c r="S34" s="1" t="s">
        <v>92</v>
      </c>
      <c r="T34" s="1" t="s">
        <v>40</v>
      </c>
      <c r="U34" s="1">
        <v>10.8</v>
      </c>
      <c r="V34" s="3">
        <v>230</v>
      </c>
      <c r="W34" s="1"/>
      <c r="X34" s="1">
        <v>0.36</v>
      </c>
      <c r="Y34" s="1">
        <v>1.4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303</v>
      </c>
      <c r="BC34" s="1">
        <v>0.2</v>
      </c>
      <c r="BD34" s="1">
        <v>0.25</v>
      </c>
      <c r="BF34" s="1"/>
      <c r="BG34" s="1"/>
      <c r="BH34" s="1"/>
      <c r="BI34" s="1"/>
      <c r="BJ34" s="1"/>
      <c r="BK34" s="1"/>
      <c r="BL34" s="1"/>
      <c r="BM34" s="1" t="s">
        <v>316</v>
      </c>
      <c r="BN34" s="1" t="s">
        <v>312</v>
      </c>
      <c r="BO34" s="1">
        <v>10</v>
      </c>
      <c r="BP34" s="1"/>
      <c r="BQ34" s="1"/>
      <c r="BR34" s="1"/>
      <c r="BS34" s="1"/>
      <c r="BT34" s="1">
        <v>4.5</v>
      </c>
      <c r="BU34" s="1"/>
      <c r="BV34" s="1"/>
      <c r="BW34" s="1"/>
      <c r="BX34" s="1"/>
      <c r="BY34" s="1"/>
      <c r="BZ34" s="1"/>
    </row>
    <row r="35" spans="1:78" x14ac:dyDescent="0.15">
      <c r="B35" s="2">
        <v>0.41666666666666669</v>
      </c>
      <c r="C35" s="1" t="s">
        <v>292</v>
      </c>
      <c r="D35" s="1" t="s">
        <v>27</v>
      </c>
      <c r="E35" s="1" t="s">
        <v>294</v>
      </c>
      <c r="G35" s="1" t="s">
        <v>37</v>
      </c>
      <c r="J35" s="1" t="s">
        <v>77</v>
      </c>
      <c r="N35" s="1" t="s">
        <v>34</v>
      </c>
      <c r="P35" s="1" t="s">
        <v>36</v>
      </c>
      <c r="Q35" s="1" t="s">
        <v>104</v>
      </c>
      <c r="R35" s="1" t="s">
        <v>31</v>
      </c>
      <c r="S35" s="1" t="s">
        <v>52</v>
      </c>
      <c r="T35" s="1" t="s">
        <v>128</v>
      </c>
      <c r="U35" s="1">
        <v>7.8</v>
      </c>
      <c r="V35" s="1"/>
      <c r="W35" s="1"/>
      <c r="X35" s="1">
        <v>0.35</v>
      </c>
      <c r="Y35" s="1">
        <v>0.01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303</v>
      </c>
      <c r="BC35" s="1">
        <v>0.19</v>
      </c>
      <c r="BD35" s="1">
        <v>0.24</v>
      </c>
      <c r="BF35" s="1"/>
      <c r="BG35" s="1"/>
      <c r="BH35" s="1"/>
      <c r="BI35" s="1"/>
      <c r="BJ35" s="1"/>
      <c r="BK35" s="1"/>
      <c r="BL35" s="1"/>
      <c r="BM35" s="1" t="s">
        <v>316</v>
      </c>
      <c r="BN35" s="1" t="s">
        <v>312</v>
      </c>
      <c r="BO35" s="1">
        <v>10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1666666666666669</v>
      </c>
      <c r="C36" s="1" t="s">
        <v>329</v>
      </c>
      <c r="D36" s="1" t="s">
        <v>27</v>
      </c>
      <c r="E36" s="1" t="s">
        <v>294</v>
      </c>
      <c r="J36" s="1" t="s">
        <v>80</v>
      </c>
      <c r="N36" s="1" t="s">
        <v>34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9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80</v>
      </c>
      <c r="C1" s="1" t="s">
        <v>1</v>
      </c>
      <c r="D1" s="1" t="s">
        <v>295</v>
      </c>
      <c r="E1" s="1" t="s">
        <v>2</v>
      </c>
      <c r="F1" s="1" t="s">
        <v>28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1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4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58680555555555558</v>
      </c>
      <c r="C4" s="1" t="s">
        <v>291</v>
      </c>
      <c r="D4" s="1" t="s">
        <v>48</v>
      </c>
      <c r="E4" s="1" t="s">
        <v>293</v>
      </c>
      <c r="F4" s="1" t="s">
        <v>90</v>
      </c>
      <c r="G4" s="1" t="s">
        <v>142</v>
      </c>
      <c r="J4" s="1" t="s">
        <v>31</v>
      </c>
      <c r="K4" s="1" t="s">
        <v>143</v>
      </c>
      <c r="M4" s="1" t="s">
        <v>79</v>
      </c>
      <c r="N4" s="1" t="s">
        <v>34</v>
      </c>
      <c r="O4" s="1" t="s">
        <v>53</v>
      </c>
      <c r="P4" s="1" t="s">
        <v>36</v>
      </c>
      <c r="Q4" s="1" t="s">
        <v>54</v>
      </c>
      <c r="R4" s="1" t="s">
        <v>138</v>
      </c>
      <c r="S4" s="1" t="s">
        <v>56</v>
      </c>
      <c r="T4" s="1" t="s">
        <v>46</v>
      </c>
      <c r="U4" s="1">
        <v>10.4</v>
      </c>
      <c r="V4" s="1"/>
      <c r="W4" s="1"/>
      <c r="X4" s="1">
        <v>0.34</v>
      </c>
      <c r="Y4" s="1">
        <v>8.9999999999999993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19</v>
      </c>
      <c r="BD4" s="1">
        <v>0.24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 t="s">
        <v>312</v>
      </c>
      <c r="BO4" s="1">
        <v>8</v>
      </c>
      <c r="BP4" s="1">
        <v>1.3</v>
      </c>
      <c r="BQ4" s="1"/>
      <c r="BR4" s="1"/>
      <c r="BS4" s="1"/>
      <c r="BT4" s="1">
        <v>6</v>
      </c>
      <c r="BU4" s="1"/>
      <c r="BV4" s="1"/>
      <c r="BW4" s="1"/>
      <c r="BX4" s="1"/>
      <c r="BY4" s="1"/>
      <c r="BZ4" s="1"/>
    </row>
    <row r="5" spans="1:78" x14ac:dyDescent="0.15">
      <c r="B5" s="2">
        <v>0.59375</v>
      </c>
      <c r="C5" s="1" t="s">
        <v>292</v>
      </c>
      <c r="D5" s="1" t="s">
        <v>48</v>
      </c>
      <c r="E5" s="1" t="s">
        <v>293</v>
      </c>
      <c r="G5" s="1" t="s">
        <v>144</v>
      </c>
      <c r="J5" s="1" t="s">
        <v>145</v>
      </c>
      <c r="N5" s="1" t="s">
        <v>34</v>
      </c>
      <c r="P5" s="1" t="s">
        <v>36</v>
      </c>
      <c r="Q5" s="1" t="s">
        <v>43</v>
      </c>
      <c r="R5" s="1" t="s">
        <v>96</v>
      </c>
      <c r="S5" s="1" t="s">
        <v>38</v>
      </c>
      <c r="T5" s="1" t="s">
        <v>40</v>
      </c>
      <c r="U5" s="1">
        <v>8.5</v>
      </c>
      <c r="V5" s="1"/>
      <c r="W5" s="1"/>
      <c r="X5" s="1">
        <v>0.37</v>
      </c>
      <c r="Y5" s="1">
        <v>5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5</v>
      </c>
      <c r="BD5" s="1">
        <v>0.3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 t="s">
        <v>312</v>
      </c>
      <c r="BO5" s="1">
        <v>9</v>
      </c>
      <c r="BP5" s="1">
        <v>1.4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81</v>
      </c>
      <c r="B6" s="2">
        <v>0.47569444444444442</v>
      </c>
      <c r="C6" s="1" t="s">
        <v>291</v>
      </c>
      <c r="D6" s="1" t="s">
        <v>48</v>
      </c>
      <c r="E6" s="1" t="s">
        <v>28</v>
      </c>
      <c r="F6" s="1" t="s">
        <v>146</v>
      </c>
      <c r="G6" s="1" t="s">
        <v>147</v>
      </c>
      <c r="J6" s="1" t="s">
        <v>31</v>
      </c>
      <c r="K6" s="1" t="s">
        <v>148</v>
      </c>
      <c r="M6" s="1" t="s">
        <v>138</v>
      </c>
      <c r="N6" s="1" t="s">
        <v>34</v>
      </c>
      <c r="O6" s="1" t="s">
        <v>53</v>
      </c>
      <c r="P6" s="1" t="s">
        <v>36</v>
      </c>
      <c r="Q6" s="1" t="s">
        <v>37</v>
      </c>
      <c r="R6" s="1" t="s">
        <v>68</v>
      </c>
      <c r="S6" s="1" t="s">
        <v>56</v>
      </c>
      <c r="T6" s="1" t="s">
        <v>46</v>
      </c>
      <c r="U6" s="1">
        <v>9.6</v>
      </c>
      <c r="V6" s="1"/>
      <c r="W6" s="1"/>
      <c r="X6" s="1">
        <v>0.4</v>
      </c>
      <c r="Y6" s="1">
        <v>7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2</v>
      </c>
      <c r="BD6" s="1">
        <v>0.25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9</v>
      </c>
      <c r="BP6" s="1">
        <v>1.2</v>
      </c>
      <c r="BQ6" s="1"/>
      <c r="BR6" s="1"/>
      <c r="BS6" s="1"/>
      <c r="BT6" s="1">
        <v>4.0999999999999996</v>
      </c>
      <c r="BU6" s="1"/>
      <c r="BV6" s="1"/>
      <c r="BW6" s="1"/>
      <c r="BX6" s="1"/>
      <c r="BY6" s="1"/>
      <c r="BZ6" s="1"/>
    </row>
    <row r="7" spans="1:78" x14ac:dyDescent="0.15">
      <c r="B7" s="2">
        <v>0.4826388888888889</v>
      </c>
      <c r="C7" s="1" t="s">
        <v>292</v>
      </c>
      <c r="D7" s="1" t="s">
        <v>48</v>
      </c>
      <c r="E7" s="1" t="s">
        <v>28</v>
      </c>
      <c r="G7" s="1" t="s">
        <v>149</v>
      </c>
      <c r="J7" s="1" t="s">
        <v>150</v>
      </c>
      <c r="N7" s="1" t="s">
        <v>34</v>
      </c>
      <c r="P7" s="1" t="s">
        <v>36</v>
      </c>
      <c r="Q7" s="1" t="s">
        <v>41</v>
      </c>
      <c r="R7" s="1" t="s">
        <v>31</v>
      </c>
      <c r="S7" s="1" t="s">
        <v>151</v>
      </c>
      <c r="T7" s="1" t="s">
        <v>152</v>
      </c>
      <c r="U7" s="1">
        <v>4</v>
      </c>
      <c r="V7" s="1"/>
      <c r="W7" s="1"/>
      <c r="X7" s="1">
        <v>0.42</v>
      </c>
      <c r="Y7" s="1">
        <v>8.0000000000000002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19</v>
      </c>
      <c r="BD7" s="1">
        <v>0.24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9</v>
      </c>
      <c r="BP7" s="1">
        <v>1.3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826388888888889</v>
      </c>
      <c r="C8" s="1" t="s">
        <v>329</v>
      </c>
      <c r="D8" s="1" t="s">
        <v>48</v>
      </c>
      <c r="E8" s="1" t="s">
        <v>28</v>
      </c>
      <c r="J8" s="1" t="s">
        <v>153</v>
      </c>
      <c r="N8" s="1" t="s">
        <v>34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112</v>
      </c>
      <c r="B9" s="2">
        <v>0.59722222222222221</v>
      </c>
      <c r="C9" s="1" t="s">
        <v>291</v>
      </c>
      <c r="D9" s="1" t="s">
        <v>48</v>
      </c>
      <c r="E9" s="1" t="s">
        <v>294</v>
      </c>
      <c r="F9" s="1" t="s">
        <v>154</v>
      </c>
      <c r="G9" s="1" t="s">
        <v>155</v>
      </c>
      <c r="J9" s="1" t="s">
        <v>31</v>
      </c>
      <c r="K9" s="1" t="s">
        <v>156</v>
      </c>
      <c r="M9" s="1" t="s">
        <v>151</v>
      </c>
      <c r="N9" s="1" t="s">
        <v>34</v>
      </c>
      <c r="O9" s="1" t="s">
        <v>116</v>
      </c>
      <c r="P9" s="1" t="s">
        <v>36</v>
      </c>
      <c r="Q9" s="1" t="s">
        <v>117</v>
      </c>
      <c r="R9" s="1" t="s">
        <v>38</v>
      </c>
      <c r="S9" s="1" t="s">
        <v>151</v>
      </c>
      <c r="T9" s="1" t="s">
        <v>46</v>
      </c>
      <c r="U9" s="1">
        <v>8.4</v>
      </c>
      <c r="V9" s="1"/>
      <c r="W9" s="1"/>
      <c r="X9" s="1">
        <v>0.37</v>
      </c>
      <c r="Y9" s="1">
        <v>6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303</v>
      </c>
      <c r="BC9" s="1">
        <v>0.23</v>
      </c>
      <c r="BD9" s="1">
        <v>0.28000000000000003</v>
      </c>
      <c r="BE9" s="1"/>
      <c r="BF9" s="1"/>
      <c r="BG9" s="1"/>
      <c r="BH9" s="1"/>
      <c r="BI9" s="1"/>
      <c r="BJ9" s="1"/>
      <c r="BK9" s="1"/>
      <c r="BL9" s="1"/>
      <c r="BM9" s="1" t="s">
        <v>316</v>
      </c>
      <c r="BN9" s="1" t="s">
        <v>312</v>
      </c>
      <c r="BO9" s="1">
        <v>9</v>
      </c>
      <c r="BP9" s="1">
        <v>1.7</v>
      </c>
      <c r="BQ9" s="1"/>
      <c r="BR9" s="1"/>
      <c r="BS9" s="1"/>
      <c r="BT9" s="1">
        <v>4.3</v>
      </c>
      <c r="BU9" s="1"/>
      <c r="BV9" s="1"/>
      <c r="BW9" s="1"/>
      <c r="BX9" s="1"/>
      <c r="BY9" s="1"/>
      <c r="BZ9" s="1"/>
    </row>
    <row r="10" spans="1:78" x14ac:dyDescent="0.15">
      <c r="B10" s="2">
        <v>0.60416666666666663</v>
      </c>
      <c r="C10" s="1" t="s">
        <v>292</v>
      </c>
      <c r="D10" s="1" t="s">
        <v>48</v>
      </c>
      <c r="E10" s="1" t="s">
        <v>294</v>
      </c>
      <c r="G10" s="1" t="s">
        <v>157</v>
      </c>
      <c r="J10" s="1" t="s">
        <v>158</v>
      </c>
      <c r="N10" s="1" t="s">
        <v>34</v>
      </c>
      <c r="P10" s="1" t="s">
        <v>36</v>
      </c>
      <c r="Q10" s="1" t="s">
        <v>43</v>
      </c>
      <c r="R10" s="1" t="s">
        <v>58</v>
      </c>
      <c r="S10" s="1" t="s">
        <v>79</v>
      </c>
      <c r="T10" s="1" t="s">
        <v>119</v>
      </c>
      <c r="U10" s="1">
        <v>6</v>
      </c>
      <c r="V10" s="1"/>
      <c r="W10" s="1"/>
      <c r="X10" s="1">
        <v>0.33</v>
      </c>
      <c r="Y10" s="1">
        <v>5.0000000000000001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303</v>
      </c>
      <c r="BC10" s="1">
        <v>0.24</v>
      </c>
      <c r="BD10" s="1">
        <v>0.28999999999999998</v>
      </c>
      <c r="BE10" s="1"/>
      <c r="BF10" s="1"/>
      <c r="BG10" s="1"/>
      <c r="BH10" s="1"/>
      <c r="BI10" s="1"/>
      <c r="BJ10" s="1"/>
      <c r="BK10" s="1"/>
      <c r="BL10" s="1"/>
      <c r="BM10" s="1" t="s">
        <v>316</v>
      </c>
      <c r="BN10" s="1" t="s">
        <v>312</v>
      </c>
      <c r="BO10" s="1">
        <v>8</v>
      </c>
      <c r="BP10" s="1">
        <v>1.5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60416666666666663</v>
      </c>
      <c r="C11" s="1" t="s">
        <v>329</v>
      </c>
      <c r="D11" s="1" t="s">
        <v>48</v>
      </c>
      <c r="E11" s="1" t="s">
        <v>294</v>
      </c>
      <c r="J11" s="1" t="s">
        <v>118</v>
      </c>
      <c r="N11" s="1" t="s">
        <v>34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36</v>
      </c>
      <c r="B12" s="2">
        <v>0.47916666666666669</v>
      </c>
      <c r="C12" s="1" t="s">
        <v>291</v>
      </c>
      <c r="D12" s="1" t="s">
        <v>27</v>
      </c>
      <c r="E12" s="1" t="s">
        <v>28</v>
      </c>
      <c r="F12" s="1" t="s">
        <v>159</v>
      </c>
      <c r="G12" s="1" t="s">
        <v>104</v>
      </c>
      <c r="J12" s="1" t="s">
        <v>31</v>
      </c>
      <c r="K12" s="1" t="s">
        <v>160</v>
      </c>
      <c r="M12" s="1" t="s">
        <v>105</v>
      </c>
      <c r="N12" s="1" t="s">
        <v>34</v>
      </c>
      <c r="O12" s="1" t="s">
        <v>116</v>
      </c>
      <c r="P12" s="1" t="s">
        <v>36</v>
      </c>
      <c r="Q12" s="1" t="s">
        <v>133</v>
      </c>
      <c r="R12" s="1" t="s">
        <v>55</v>
      </c>
      <c r="S12" s="1" t="s">
        <v>79</v>
      </c>
      <c r="T12" s="1" t="s">
        <v>40</v>
      </c>
      <c r="U12" s="1">
        <v>10</v>
      </c>
      <c r="V12" s="1"/>
      <c r="W12" s="1"/>
      <c r="X12" s="1">
        <v>0.33</v>
      </c>
      <c r="Y12" s="1">
        <v>5.0000000000000001E-3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303</v>
      </c>
      <c r="BC12" s="1">
        <v>0.21</v>
      </c>
      <c r="BD12" s="1">
        <v>0.26</v>
      </c>
      <c r="BE12" s="1"/>
      <c r="BF12" s="1"/>
      <c r="BG12" s="1"/>
      <c r="BH12" s="1"/>
      <c r="BI12" s="1"/>
      <c r="BJ12" s="1"/>
      <c r="BK12" s="1"/>
      <c r="BL12" s="1"/>
      <c r="BM12" s="1" t="s">
        <v>316</v>
      </c>
      <c r="BN12" s="1" t="s">
        <v>312</v>
      </c>
      <c r="BO12" s="1">
        <v>10</v>
      </c>
      <c r="BP12" s="1">
        <v>1.6</v>
      </c>
      <c r="BQ12" s="1"/>
      <c r="BR12" s="1"/>
      <c r="BS12" s="1"/>
      <c r="BT12" s="1">
        <v>2.2999999999999998</v>
      </c>
      <c r="BU12" s="1"/>
      <c r="BV12" s="1"/>
      <c r="BW12" s="1"/>
      <c r="BX12" s="1"/>
      <c r="BY12" s="1"/>
      <c r="BZ12" s="1"/>
    </row>
    <row r="13" spans="1:78" x14ac:dyDescent="0.15">
      <c r="B13" s="2">
        <v>0.48749999999999999</v>
      </c>
      <c r="C13" s="1" t="s">
        <v>292</v>
      </c>
      <c r="D13" s="1" t="s">
        <v>27</v>
      </c>
      <c r="E13" s="1" t="s">
        <v>28</v>
      </c>
      <c r="G13" s="1" t="s">
        <v>41</v>
      </c>
      <c r="J13" s="1" t="s">
        <v>161</v>
      </c>
      <c r="N13" s="1" t="s">
        <v>34</v>
      </c>
      <c r="P13" s="1" t="s">
        <v>36</v>
      </c>
      <c r="Q13" s="1" t="s">
        <v>133</v>
      </c>
      <c r="R13" s="1" t="s">
        <v>55</v>
      </c>
      <c r="S13" s="1" t="s">
        <v>45</v>
      </c>
      <c r="T13" s="1" t="s">
        <v>65</v>
      </c>
      <c r="U13" s="1">
        <v>10.5</v>
      </c>
      <c r="V13" s="1"/>
      <c r="W13" s="1"/>
      <c r="X13" s="1">
        <v>0.33</v>
      </c>
      <c r="Y13" s="1">
        <v>6.0000000000000001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03</v>
      </c>
      <c r="BC13" s="1">
        <v>0.22</v>
      </c>
      <c r="BD13" s="1">
        <v>0.27</v>
      </c>
      <c r="BE13" s="1"/>
      <c r="BF13" s="1"/>
      <c r="BG13" s="1"/>
      <c r="BH13" s="1"/>
      <c r="BI13" s="1"/>
      <c r="BJ13" s="1"/>
      <c r="BK13" s="1"/>
      <c r="BL13" s="1"/>
      <c r="BM13" s="1" t="s">
        <v>316</v>
      </c>
      <c r="BN13" s="1" t="s">
        <v>312</v>
      </c>
      <c r="BO13" s="1">
        <v>10</v>
      </c>
      <c r="BP13" s="1">
        <v>1.7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8749999999999999</v>
      </c>
      <c r="C14" s="1" t="s">
        <v>329</v>
      </c>
      <c r="D14" s="1" t="s">
        <v>27</v>
      </c>
      <c r="E14" s="1" t="s">
        <v>28</v>
      </c>
      <c r="J14" s="1" t="s">
        <v>162</v>
      </c>
      <c r="N14" s="1" t="s">
        <v>34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18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80</v>
      </c>
      <c r="C1" s="1" t="s">
        <v>1</v>
      </c>
      <c r="D1" s="1" t="s">
        <v>296</v>
      </c>
      <c r="E1" s="1" t="s">
        <v>2</v>
      </c>
      <c r="F1" s="1" t="s">
        <v>28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0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4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56597222222222221</v>
      </c>
      <c r="C4" s="1" t="s">
        <v>291</v>
      </c>
      <c r="D4" s="1" t="s">
        <v>48</v>
      </c>
      <c r="E4" s="1" t="s">
        <v>293</v>
      </c>
      <c r="F4" s="1" t="s">
        <v>163</v>
      </c>
      <c r="G4" s="1" t="s">
        <v>142</v>
      </c>
      <c r="J4" s="1" t="s">
        <v>31</v>
      </c>
      <c r="K4" s="1" t="s">
        <v>70</v>
      </c>
      <c r="M4" s="1" t="s">
        <v>134</v>
      </c>
      <c r="N4" s="1" t="s">
        <v>34</v>
      </c>
      <c r="O4" s="1" t="s">
        <v>53</v>
      </c>
      <c r="P4" s="1" t="s">
        <v>36</v>
      </c>
      <c r="Q4" s="1" t="s">
        <v>54</v>
      </c>
      <c r="R4" s="1" t="s">
        <v>127</v>
      </c>
      <c r="S4" s="1" t="s">
        <v>151</v>
      </c>
      <c r="T4" s="1" t="s">
        <v>46</v>
      </c>
      <c r="U4" s="1">
        <v>10.5</v>
      </c>
      <c r="V4" s="1"/>
      <c r="W4" s="1"/>
      <c r="X4" s="1">
        <v>0.32</v>
      </c>
      <c r="Y4" s="1">
        <v>8.9999999999999993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18</v>
      </c>
      <c r="BD4" s="1">
        <v>0.23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 t="s">
        <v>312</v>
      </c>
      <c r="BO4" s="1">
        <v>8</v>
      </c>
      <c r="BP4" s="1">
        <v>1.3</v>
      </c>
      <c r="BQ4" s="1"/>
      <c r="BR4" s="1"/>
      <c r="BS4" s="1"/>
      <c r="BT4" s="1">
        <v>6.2</v>
      </c>
      <c r="BU4" s="1"/>
      <c r="BV4" s="1"/>
      <c r="BW4" s="1"/>
      <c r="BX4" s="1"/>
      <c r="BY4" s="1"/>
      <c r="BZ4" s="1"/>
    </row>
    <row r="5" spans="1:78" x14ac:dyDescent="0.15">
      <c r="B5" s="2">
        <v>0.57291666666666663</v>
      </c>
      <c r="C5" s="1" t="s">
        <v>292</v>
      </c>
      <c r="D5" s="1" t="s">
        <v>48</v>
      </c>
      <c r="E5" s="1" t="s">
        <v>293</v>
      </c>
      <c r="G5" s="1" t="s">
        <v>85</v>
      </c>
      <c r="J5" s="1" t="s">
        <v>164</v>
      </c>
      <c r="N5" s="1" t="s">
        <v>34</v>
      </c>
      <c r="P5" s="1" t="s">
        <v>36</v>
      </c>
      <c r="Q5" s="1" t="s">
        <v>43</v>
      </c>
      <c r="R5" s="1" t="s">
        <v>96</v>
      </c>
      <c r="S5" s="1" t="s">
        <v>38</v>
      </c>
      <c r="T5" s="1" t="s">
        <v>40</v>
      </c>
      <c r="U5" s="1">
        <v>8.6</v>
      </c>
      <c r="V5" s="1"/>
      <c r="W5" s="1"/>
      <c r="X5" s="1">
        <v>0.46</v>
      </c>
      <c r="Y5" s="1">
        <v>3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6</v>
      </c>
      <c r="BD5" s="1">
        <v>0.31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 t="s">
        <v>312</v>
      </c>
      <c r="BO5" s="1">
        <v>9</v>
      </c>
      <c r="BP5" s="1">
        <v>1.4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81</v>
      </c>
      <c r="B6" s="2">
        <v>0.45833333333333331</v>
      </c>
      <c r="C6" s="1" t="s">
        <v>291</v>
      </c>
      <c r="D6" s="1" t="s">
        <v>48</v>
      </c>
      <c r="E6" s="1" t="s">
        <v>28</v>
      </c>
      <c r="F6" s="1" t="s">
        <v>165</v>
      </c>
      <c r="G6" s="1" t="s">
        <v>166</v>
      </c>
      <c r="J6" s="1" t="s">
        <v>31</v>
      </c>
      <c r="K6" s="1" t="s">
        <v>163</v>
      </c>
      <c r="M6" s="1" t="s">
        <v>52</v>
      </c>
      <c r="N6" s="1" t="s">
        <v>34</v>
      </c>
      <c r="O6" s="1" t="s">
        <v>167</v>
      </c>
      <c r="P6" s="1" t="s">
        <v>36</v>
      </c>
      <c r="Q6" s="1" t="s">
        <v>168</v>
      </c>
      <c r="R6" s="1" t="s">
        <v>55</v>
      </c>
      <c r="S6" s="1" t="s">
        <v>169</v>
      </c>
      <c r="T6" s="1" t="s">
        <v>46</v>
      </c>
      <c r="U6" s="1">
        <v>9.9</v>
      </c>
      <c r="V6" s="1"/>
      <c r="W6" s="1"/>
      <c r="X6" s="1">
        <v>0.37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17</v>
      </c>
      <c r="BD6" s="1">
        <v>0.22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8</v>
      </c>
      <c r="BP6" s="1">
        <v>1.1000000000000001</v>
      </c>
      <c r="BQ6" s="1"/>
      <c r="BR6" s="1"/>
      <c r="BS6" s="1"/>
      <c r="BT6" s="1">
        <v>6.7</v>
      </c>
      <c r="BU6" s="1"/>
      <c r="BV6" s="1"/>
      <c r="BW6" s="1"/>
      <c r="BX6" s="1"/>
      <c r="BY6" s="1"/>
      <c r="BZ6" s="1"/>
    </row>
    <row r="7" spans="1:78" x14ac:dyDescent="0.15">
      <c r="B7" s="2">
        <v>0.46527777777777773</v>
      </c>
      <c r="C7" s="1" t="s">
        <v>292</v>
      </c>
      <c r="D7" s="1" t="s">
        <v>48</v>
      </c>
      <c r="E7" s="1" t="s">
        <v>28</v>
      </c>
      <c r="G7" s="1" t="s">
        <v>170</v>
      </c>
      <c r="J7" s="1" t="s">
        <v>171</v>
      </c>
      <c r="N7" s="1" t="s">
        <v>34</v>
      </c>
      <c r="P7" s="1" t="s">
        <v>36</v>
      </c>
      <c r="Q7" s="1" t="s">
        <v>41</v>
      </c>
      <c r="R7" s="1" t="s">
        <v>96</v>
      </c>
      <c r="S7" s="1" t="s">
        <v>79</v>
      </c>
      <c r="T7" s="1" t="s">
        <v>172</v>
      </c>
      <c r="U7" s="1">
        <v>3.2</v>
      </c>
      <c r="V7" s="1"/>
      <c r="W7" s="1"/>
      <c r="X7" s="1">
        <v>0.42</v>
      </c>
      <c r="Y7" s="1">
        <v>0.01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21</v>
      </c>
      <c r="BD7" s="1">
        <v>0.26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9</v>
      </c>
      <c r="BP7" s="1">
        <v>1.3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6527777777777773</v>
      </c>
      <c r="C8" s="1" t="s">
        <v>329</v>
      </c>
      <c r="D8" s="1" t="s">
        <v>48</v>
      </c>
      <c r="E8" s="1" t="s">
        <v>28</v>
      </c>
      <c r="J8" s="1" t="s">
        <v>173</v>
      </c>
      <c r="N8" s="1" t="s">
        <v>34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112</v>
      </c>
      <c r="B9" s="2">
        <v>0.57291666666666663</v>
      </c>
      <c r="C9" s="1" t="s">
        <v>291</v>
      </c>
      <c r="D9" s="1" t="s">
        <v>48</v>
      </c>
      <c r="E9" s="1" t="s">
        <v>294</v>
      </c>
      <c r="F9" s="1" t="s">
        <v>174</v>
      </c>
      <c r="G9" s="1" t="s">
        <v>175</v>
      </c>
      <c r="J9" s="1" t="s">
        <v>31</v>
      </c>
      <c r="K9" s="1" t="s">
        <v>161</v>
      </c>
      <c r="M9" s="1" t="s">
        <v>75</v>
      </c>
      <c r="N9" s="1" t="s">
        <v>34</v>
      </c>
      <c r="O9" s="1" t="s">
        <v>116</v>
      </c>
      <c r="P9" s="1" t="s">
        <v>36</v>
      </c>
      <c r="Q9" s="1" t="s">
        <v>117</v>
      </c>
      <c r="R9" s="1" t="s">
        <v>125</v>
      </c>
      <c r="S9" s="1" t="s">
        <v>56</v>
      </c>
      <c r="T9" s="1" t="s">
        <v>65</v>
      </c>
      <c r="U9" s="1">
        <v>8.6999999999999993</v>
      </c>
      <c r="V9" s="1"/>
      <c r="W9" s="1"/>
      <c r="X9" s="1">
        <v>0.35</v>
      </c>
      <c r="Y9" s="1">
        <v>5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303</v>
      </c>
      <c r="BC9" s="1">
        <v>0.22</v>
      </c>
      <c r="BD9" s="1">
        <v>0.27</v>
      </c>
      <c r="BE9" s="1"/>
      <c r="BF9" s="1"/>
      <c r="BG9" s="1"/>
      <c r="BH9" s="1"/>
      <c r="BI9" s="1"/>
      <c r="BJ9" s="1"/>
      <c r="BK9" s="1"/>
      <c r="BL9" s="1"/>
      <c r="BM9" s="1" t="s">
        <v>316</v>
      </c>
      <c r="BN9" s="1" t="s">
        <v>312</v>
      </c>
      <c r="BO9" s="1">
        <v>9</v>
      </c>
      <c r="BP9" s="1">
        <v>1.5</v>
      </c>
      <c r="BQ9" s="1"/>
      <c r="BR9" s="1"/>
      <c r="BS9" s="1"/>
      <c r="BT9" s="1">
        <v>6</v>
      </c>
      <c r="BU9" s="1"/>
      <c r="BV9" s="1"/>
      <c r="BW9" s="1"/>
      <c r="BX9" s="1"/>
      <c r="BY9" s="1"/>
      <c r="BZ9" s="1"/>
    </row>
    <row r="10" spans="1:78" x14ac:dyDescent="0.15">
      <c r="B10" s="2">
        <v>0.58333333333333337</v>
      </c>
      <c r="C10" s="1" t="s">
        <v>292</v>
      </c>
      <c r="D10" s="1" t="s">
        <v>48</v>
      </c>
      <c r="E10" s="1" t="s">
        <v>294</v>
      </c>
      <c r="G10" s="1" t="s">
        <v>157</v>
      </c>
      <c r="J10" s="1" t="s">
        <v>83</v>
      </c>
      <c r="N10" s="1" t="s">
        <v>34</v>
      </c>
      <c r="P10" s="1" t="s">
        <v>36</v>
      </c>
      <c r="Q10" s="1" t="s">
        <v>117</v>
      </c>
      <c r="R10" s="1" t="s">
        <v>31</v>
      </c>
      <c r="S10" s="1" t="s">
        <v>151</v>
      </c>
      <c r="T10" s="1" t="s">
        <v>176</v>
      </c>
      <c r="U10" s="1">
        <v>8.1</v>
      </c>
      <c r="V10" s="1"/>
      <c r="W10" s="1"/>
      <c r="X10" s="1">
        <v>0.33</v>
      </c>
      <c r="Y10" s="1">
        <v>8.0000000000000002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303</v>
      </c>
      <c r="BC10" s="1">
        <v>0.22</v>
      </c>
      <c r="BD10" s="1">
        <v>0.27</v>
      </c>
      <c r="BE10" s="1"/>
      <c r="BF10" s="1"/>
      <c r="BG10" s="1"/>
      <c r="BH10" s="1"/>
      <c r="BI10" s="1"/>
      <c r="BJ10" s="1"/>
      <c r="BK10" s="1"/>
      <c r="BL10" s="1"/>
      <c r="BM10" s="1" t="s">
        <v>316</v>
      </c>
      <c r="BN10" s="1" t="s">
        <v>312</v>
      </c>
      <c r="BO10" s="1">
        <v>8</v>
      </c>
      <c r="BP10" s="1">
        <v>1.6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58333333333333337</v>
      </c>
      <c r="C11" s="1" t="s">
        <v>329</v>
      </c>
      <c r="D11" s="1" t="s">
        <v>48</v>
      </c>
      <c r="E11" s="1" t="s">
        <v>294</v>
      </c>
      <c r="J11" s="1" t="s">
        <v>177</v>
      </c>
      <c r="N11" s="1" t="s">
        <v>34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36</v>
      </c>
      <c r="B12" s="2">
        <v>0.45833333333333331</v>
      </c>
      <c r="C12" s="1" t="s">
        <v>291</v>
      </c>
      <c r="D12" s="1" t="s">
        <v>27</v>
      </c>
      <c r="E12" s="1" t="s">
        <v>28</v>
      </c>
      <c r="F12" s="1" t="s">
        <v>178</v>
      </c>
      <c r="G12" s="1" t="s">
        <v>85</v>
      </c>
      <c r="J12" s="1" t="s">
        <v>31</v>
      </c>
      <c r="K12" s="1" t="s">
        <v>49</v>
      </c>
      <c r="M12" s="1" t="s">
        <v>179</v>
      </c>
      <c r="N12" s="1" t="s">
        <v>34</v>
      </c>
      <c r="O12" s="1" t="s">
        <v>116</v>
      </c>
      <c r="P12" s="1" t="s">
        <v>36</v>
      </c>
      <c r="Q12" s="1" t="s">
        <v>133</v>
      </c>
      <c r="R12" s="1" t="s">
        <v>138</v>
      </c>
      <c r="S12" s="1" t="s">
        <v>52</v>
      </c>
      <c r="T12" s="1" t="s">
        <v>40</v>
      </c>
      <c r="U12" s="1">
        <v>10.1</v>
      </c>
      <c r="V12" s="1"/>
      <c r="W12" s="1"/>
      <c r="X12" s="1">
        <v>0.33</v>
      </c>
      <c r="Y12" s="1">
        <v>5.0000000000000001E-3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 t="s">
        <v>303</v>
      </c>
      <c r="BC12" s="1">
        <v>0.19</v>
      </c>
      <c r="BD12" s="1">
        <v>0.24</v>
      </c>
      <c r="BE12" s="1"/>
      <c r="BF12" s="1"/>
      <c r="BG12" s="1"/>
      <c r="BH12" s="1"/>
      <c r="BI12" s="1"/>
      <c r="BJ12" s="1"/>
      <c r="BK12" s="1"/>
      <c r="BL12" s="1"/>
      <c r="BM12" s="1" t="s">
        <v>316</v>
      </c>
      <c r="BN12" s="1" t="s">
        <v>312</v>
      </c>
      <c r="BO12" s="1">
        <v>10</v>
      </c>
      <c r="BP12" s="1">
        <v>1.6</v>
      </c>
      <c r="BQ12" s="1"/>
      <c r="BR12" s="1"/>
      <c r="BS12" s="1"/>
      <c r="BT12" s="1">
        <v>2.5</v>
      </c>
      <c r="BU12" s="1"/>
      <c r="BV12" s="1"/>
      <c r="BW12" s="1"/>
      <c r="BX12" s="1"/>
      <c r="BY12" s="1"/>
      <c r="BZ12" s="1"/>
    </row>
    <row r="13" spans="1:78" x14ac:dyDescent="0.15">
      <c r="B13" s="2">
        <v>0.46875</v>
      </c>
      <c r="C13" s="1" t="s">
        <v>292</v>
      </c>
      <c r="D13" s="1" t="s">
        <v>27</v>
      </c>
      <c r="E13" s="1" t="s">
        <v>28</v>
      </c>
      <c r="G13" s="1" t="s">
        <v>180</v>
      </c>
      <c r="J13" s="1" t="s">
        <v>89</v>
      </c>
      <c r="N13" s="1" t="s">
        <v>34</v>
      </c>
      <c r="P13" s="1" t="s">
        <v>36</v>
      </c>
      <c r="Q13" s="1" t="s">
        <v>133</v>
      </c>
      <c r="R13" s="1" t="s">
        <v>138</v>
      </c>
      <c r="S13" s="1" t="s">
        <v>52</v>
      </c>
      <c r="T13" s="1" t="s">
        <v>40</v>
      </c>
      <c r="U13" s="1">
        <v>10.4</v>
      </c>
      <c r="V13" s="1"/>
      <c r="W13" s="1"/>
      <c r="X13" s="1">
        <v>0.3</v>
      </c>
      <c r="Y13" s="1">
        <v>5.0000000000000001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03</v>
      </c>
      <c r="BC13" s="1">
        <v>0.2</v>
      </c>
      <c r="BD13" s="1">
        <v>0.25</v>
      </c>
      <c r="BE13" s="1"/>
      <c r="BF13" s="1"/>
      <c r="BG13" s="1"/>
      <c r="BH13" s="1"/>
      <c r="BI13" s="1"/>
      <c r="BJ13" s="1"/>
      <c r="BK13" s="1"/>
      <c r="BL13" s="1"/>
      <c r="BM13" s="1" t="s">
        <v>316</v>
      </c>
      <c r="BN13" s="1" t="s">
        <v>312</v>
      </c>
      <c r="BO13" s="1">
        <v>10</v>
      </c>
      <c r="BP13" s="1">
        <v>1.6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6875</v>
      </c>
      <c r="C14" s="1" t="s">
        <v>329</v>
      </c>
      <c r="D14" s="1" t="s">
        <v>27</v>
      </c>
      <c r="E14" s="1" t="s">
        <v>28</v>
      </c>
      <c r="J14" s="1" t="s">
        <v>181</v>
      </c>
      <c r="N14" s="1" t="s">
        <v>34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88" spans="21:21" x14ac:dyDescent="0.15">
      <c r="U88" s="1"/>
    </row>
    <row r="89" spans="21:21" x14ac:dyDescent="0.15">
      <c r="U89" s="1"/>
    </row>
    <row r="90" spans="21:21" x14ac:dyDescent="0.15">
      <c r="U90" s="1"/>
    </row>
    <row r="91" spans="21:21" x14ac:dyDescent="0.15">
      <c r="U91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5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280</v>
      </c>
      <c r="C1" s="1" t="s">
        <v>1</v>
      </c>
      <c r="D1" s="1" t="s">
        <v>297</v>
      </c>
      <c r="E1" s="1" t="s">
        <v>2</v>
      </c>
      <c r="F1" s="1" t="s">
        <v>28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0</v>
      </c>
      <c r="AB2" s="1" t="s">
        <v>326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3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194444444444442</v>
      </c>
      <c r="C4" s="1" t="s">
        <v>291</v>
      </c>
      <c r="D4" s="1" t="s">
        <v>27</v>
      </c>
      <c r="E4" s="1" t="s">
        <v>28</v>
      </c>
      <c r="F4" s="1" t="s">
        <v>182</v>
      </c>
      <c r="G4" s="1" t="s">
        <v>183</v>
      </c>
      <c r="J4" s="1" t="s">
        <v>31</v>
      </c>
      <c r="K4" s="1" t="s">
        <v>184</v>
      </c>
      <c r="M4" s="1" t="s">
        <v>185</v>
      </c>
      <c r="N4" s="1" t="s">
        <v>34</v>
      </c>
      <c r="O4" s="1" t="s">
        <v>35</v>
      </c>
      <c r="P4" s="1" t="s">
        <v>36</v>
      </c>
      <c r="Q4" s="1" t="s">
        <v>168</v>
      </c>
      <c r="R4" s="1" t="s">
        <v>79</v>
      </c>
      <c r="S4" s="1" t="s">
        <v>186</v>
      </c>
      <c r="T4" s="1" t="s">
        <v>65</v>
      </c>
      <c r="U4" s="1">
        <v>11.1</v>
      </c>
      <c r="V4" s="1"/>
      <c r="W4" s="1"/>
      <c r="X4" s="1">
        <v>0.36</v>
      </c>
      <c r="Y4" s="1">
        <v>1.0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19</v>
      </c>
      <c r="BD4" s="1">
        <v>0.24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 t="s">
        <v>312</v>
      </c>
      <c r="BO4" s="1">
        <v>9</v>
      </c>
      <c r="BP4" s="1"/>
      <c r="BQ4" s="1"/>
      <c r="BR4" s="1"/>
      <c r="BS4" s="1"/>
      <c r="BT4" s="1">
        <v>8.3000000000000007</v>
      </c>
      <c r="BU4" s="1"/>
      <c r="BV4" s="1"/>
      <c r="BW4" s="1"/>
      <c r="BX4" s="1"/>
      <c r="BY4" s="1"/>
      <c r="BZ4" s="1"/>
    </row>
    <row r="5" spans="1:78" x14ac:dyDescent="0.15">
      <c r="B5" s="2">
        <v>0.3923611111111111</v>
      </c>
      <c r="C5" s="1" t="s">
        <v>292</v>
      </c>
      <c r="D5" s="1" t="s">
        <v>27</v>
      </c>
      <c r="E5" s="1" t="s">
        <v>28</v>
      </c>
      <c r="G5" s="1" t="s">
        <v>85</v>
      </c>
      <c r="J5" s="1" t="s">
        <v>42</v>
      </c>
      <c r="N5" s="1" t="s">
        <v>34</v>
      </c>
      <c r="P5" s="1" t="s">
        <v>36</v>
      </c>
      <c r="Q5" s="1" t="s">
        <v>104</v>
      </c>
      <c r="R5" s="1" t="s">
        <v>44</v>
      </c>
      <c r="S5" s="1" t="s">
        <v>52</v>
      </c>
      <c r="T5" s="1" t="s">
        <v>46</v>
      </c>
      <c r="U5" s="1">
        <v>8.8000000000000007</v>
      </c>
      <c r="V5" s="1"/>
      <c r="W5" s="1"/>
      <c r="X5" s="1">
        <v>0.38</v>
      </c>
      <c r="Y5" s="1">
        <v>6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4</v>
      </c>
      <c r="BD5" s="1">
        <v>0.28999999999999998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 t="s">
        <v>312</v>
      </c>
      <c r="BO5" s="1">
        <v>9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7</v>
      </c>
      <c r="B6" s="2">
        <v>0.52500000000000002</v>
      </c>
      <c r="C6" s="1" t="s">
        <v>291</v>
      </c>
      <c r="D6" s="1" t="s">
        <v>48</v>
      </c>
      <c r="E6" s="1" t="s">
        <v>293</v>
      </c>
      <c r="F6" s="1" t="s">
        <v>187</v>
      </c>
      <c r="G6" s="1" t="s">
        <v>188</v>
      </c>
      <c r="J6" s="1" t="s">
        <v>31</v>
      </c>
      <c r="K6" s="1" t="s">
        <v>189</v>
      </c>
      <c r="M6" s="1" t="s">
        <v>52</v>
      </c>
      <c r="N6" s="1" t="s">
        <v>34</v>
      </c>
      <c r="O6" s="1" t="s">
        <v>53</v>
      </c>
      <c r="P6" s="1" t="s">
        <v>36</v>
      </c>
      <c r="Q6" s="1" t="s">
        <v>190</v>
      </c>
      <c r="R6" s="1" t="s">
        <v>169</v>
      </c>
      <c r="S6" s="1" t="s">
        <v>191</v>
      </c>
      <c r="T6" s="1" t="s">
        <v>128</v>
      </c>
      <c r="U6" s="1">
        <v>10.5</v>
      </c>
      <c r="V6" s="1"/>
      <c r="W6" s="1"/>
      <c r="X6" s="1">
        <v>0.34</v>
      </c>
      <c r="Y6" s="1">
        <v>8.9999999999999993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15</v>
      </c>
      <c r="BD6" s="1">
        <v>0.2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9</v>
      </c>
      <c r="BP6" s="1">
        <v>1.3</v>
      </c>
      <c r="BQ6" s="1"/>
      <c r="BR6" s="1"/>
      <c r="BS6" s="1"/>
      <c r="BT6" s="1">
        <v>12</v>
      </c>
      <c r="BU6" s="1"/>
      <c r="BV6" s="1"/>
      <c r="BW6" s="1"/>
      <c r="BX6" s="1"/>
      <c r="BY6" s="1"/>
      <c r="BZ6" s="1"/>
    </row>
    <row r="7" spans="1:78" x14ac:dyDescent="0.15">
      <c r="B7" s="2">
        <v>0.53472222222222221</v>
      </c>
      <c r="C7" s="1" t="s">
        <v>292</v>
      </c>
      <c r="D7" s="1" t="s">
        <v>48</v>
      </c>
      <c r="E7" s="1" t="s">
        <v>293</v>
      </c>
      <c r="G7" s="1" t="s">
        <v>57</v>
      </c>
      <c r="J7" s="1" t="s">
        <v>42</v>
      </c>
      <c r="N7" s="1" t="s">
        <v>34</v>
      </c>
      <c r="P7" s="1" t="s">
        <v>36</v>
      </c>
      <c r="Q7" s="1" t="s">
        <v>43</v>
      </c>
      <c r="R7" s="1" t="s">
        <v>44</v>
      </c>
      <c r="S7" s="1" t="s">
        <v>68</v>
      </c>
      <c r="T7" s="1" t="s">
        <v>40</v>
      </c>
      <c r="U7" s="1">
        <v>7.9</v>
      </c>
      <c r="V7" s="1"/>
      <c r="W7" s="1"/>
      <c r="X7" s="1">
        <v>0.39</v>
      </c>
      <c r="Y7" s="1">
        <v>5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27</v>
      </c>
      <c r="BD7" s="1">
        <v>0.32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10</v>
      </c>
      <c r="BP7" s="1">
        <v>1.4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9</v>
      </c>
      <c r="B8" s="2">
        <v>0.375</v>
      </c>
      <c r="C8" s="1" t="s">
        <v>291</v>
      </c>
      <c r="D8" s="1" t="s">
        <v>60</v>
      </c>
      <c r="E8" s="1" t="s">
        <v>294</v>
      </c>
      <c r="F8" s="1" t="s">
        <v>192</v>
      </c>
      <c r="G8" s="1" t="s">
        <v>193</v>
      </c>
      <c r="J8" s="1" t="s">
        <v>31</v>
      </c>
      <c r="K8" s="1" t="s">
        <v>131</v>
      </c>
      <c r="M8" s="1" t="s">
        <v>194</v>
      </c>
      <c r="N8" s="1" t="s">
        <v>34</v>
      </c>
      <c r="O8" s="1" t="s">
        <v>35</v>
      </c>
      <c r="P8" s="1" t="s">
        <v>36</v>
      </c>
      <c r="Q8" s="1" t="s">
        <v>195</v>
      </c>
      <c r="R8" s="1" t="s">
        <v>75</v>
      </c>
      <c r="S8" s="1" t="s">
        <v>185</v>
      </c>
      <c r="T8" s="1" t="s">
        <v>46</v>
      </c>
      <c r="U8" s="1">
        <v>10.5</v>
      </c>
      <c r="V8" s="1"/>
      <c r="W8" s="1"/>
      <c r="X8" s="1">
        <v>0.4</v>
      </c>
      <c r="Y8" s="1">
        <v>1.0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303</v>
      </c>
      <c r="BC8" s="1">
        <v>0.14000000000000001</v>
      </c>
      <c r="BD8" s="1">
        <v>0.19</v>
      </c>
      <c r="BE8" s="1"/>
      <c r="BF8" s="1"/>
      <c r="BG8" s="1"/>
      <c r="BH8" s="1"/>
      <c r="BI8" s="1"/>
      <c r="BJ8" s="1"/>
      <c r="BK8" s="1"/>
      <c r="BL8" s="1"/>
      <c r="BM8" s="1" t="s">
        <v>316</v>
      </c>
      <c r="BN8" s="1" t="s">
        <v>312</v>
      </c>
      <c r="BO8" s="1">
        <v>10</v>
      </c>
      <c r="BP8" s="1"/>
      <c r="BQ8" s="1"/>
      <c r="BR8" s="1"/>
      <c r="BS8" s="1"/>
      <c r="BT8" s="1">
        <v>10</v>
      </c>
      <c r="BU8" s="1"/>
      <c r="BV8" s="1"/>
      <c r="BW8" s="1"/>
      <c r="BX8" s="1"/>
      <c r="BY8" s="1"/>
      <c r="BZ8" s="1"/>
    </row>
    <row r="9" spans="1:78" x14ac:dyDescent="0.15">
      <c r="B9" s="2">
        <v>0.38194444444444442</v>
      </c>
      <c r="C9" s="1" t="s">
        <v>292</v>
      </c>
      <c r="D9" s="1" t="s">
        <v>60</v>
      </c>
      <c r="E9" s="1" t="s">
        <v>294</v>
      </c>
      <c r="G9" s="1" t="s">
        <v>168</v>
      </c>
      <c r="J9" s="1" t="s">
        <v>42</v>
      </c>
      <c r="N9" s="1" t="s">
        <v>34</v>
      </c>
      <c r="P9" s="1" t="s">
        <v>36</v>
      </c>
      <c r="Q9" s="1" t="s">
        <v>43</v>
      </c>
      <c r="R9" s="1" t="s">
        <v>78</v>
      </c>
      <c r="S9" s="1" t="s">
        <v>55</v>
      </c>
      <c r="T9" s="1" t="s">
        <v>65</v>
      </c>
      <c r="U9" s="1">
        <v>6.6</v>
      </c>
      <c r="V9" s="1"/>
      <c r="W9" s="1"/>
      <c r="X9" s="1">
        <v>0.41</v>
      </c>
      <c r="Y9" s="1">
        <v>6.0000000000000001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303</v>
      </c>
      <c r="BC9" s="1">
        <v>0.25</v>
      </c>
      <c r="BD9" s="1">
        <v>0.3</v>
      </c>
      <c r="BE9" s="1"/>
      <c r="BF9" s="1"/>
      <c r="BG9" s="1"/>
      <c r="BH9" s="1"/>
      <c r="BI9" s="1"/>
      <c r="BJ9" s="1"/>
      <c r="BK9" s="1"/>
      <c r="BL9" s="1"/>
      <c r="BM9" s="1" t="s">
        <v>316</v>
      </c>
      <c r="BN9" s="1" t="s">
        <v>312</v>
      </c>
      <c r="BO9" s="1">
        <v>1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9</v>
      </c>
      <c r="B10" s="2">
        <v>0.38194444444444442</v>
      </c>
      <c r="C10" s="1" t="s">
        <v>291</v>
      </c>
      <c r="D10" s="1" t="s">
        <v>60</v>
      </c>
      <c r="E10" s="1" t="s">
        <v>28</v>
      </c>
      <c r="F10" s="1" t="s">
        <v>196</v>
      </c>
      <c r="G10" s="1" t="s">
        <v>197</v>
      </c>
      <c r="J10" s="1" t="s">
        <v>31</v>
      </c>
      <c r="K10" s="1" t="s">
        <v>198</v>
      </c>
      <c r="M10" s="1" t="s">
        <v>199</v>
      </c>
      <c r="N10" s="1" t="s">
        <v>34</v>
      </c>
      <c r="O10" s="1" t="s">
        <v>35</v>
      </c>
      <c r="P10" s="1" t="s">
        <v>36</v>
      </c>
      <c r="Q10" s="1" t="s">
        <v>200</v>
      </c>
      <c r="R10" s="1" t="s">
        <v>56</v>
      </c>
      <c r="S10" s="1" t="s">
        <v>33</v>
      </c>
      <c r="T10" s="1" t="s">
        <v>65</v>
      </c>
      <c r="U10" s="1">
        <v>10</v>
      </c>
      <c r="V10" s="1"/>
      <c r="W10" s="1"/>
      <c r="X10" s="1">
        <v>0.42</v>
      </c>
      <c r="Y10" s="1">
        <v>1.2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303</v>
      </c>
      <c r="BC10" s="1">
        <v>0.17</v>
      </c>
      <c r="BD10" s="1">
        <v>0.22</v>
      </c>
      <c r="BE10" s="1"/>
      <c r="BF10" s="1"/>
      <c r="BG10" s="1"/>
      <c r="BH10" s="1"/>
      <c r="BI10" s="1"/>
      <c r="BJ10" s="1"/>
      <c r="BK10" s="1"/>
      <c r="BL10" s="1"/>
      <c r="BM10" s="1">
        <v>0.05</v>
      </c>
      <c r="BN10" s="1" t="s">
        <v>312</v>
      </c>
      <c r="BO10" s="1">
        <v>10</v>
      </c>
      <c r="BP10" s="1"/>
      <c r="BQ10" s="1"/>
      <c r="BR10" s="1"/>
      <c r="BS10" s="1"/>
      <c r="BT10" s="1">
        <v>13</v>
      </c>
      <c r="BU10" s="1"/>
      <c r="BV10" s="1"/>
      <c r="BW10" s="1"/>
      <c r="BX10" s="1"/>
      <c r="BY10" s="1"/>
      <c r="BZ10" s="1"/>
    </row>
    <row r="11" spans="1:78" x14ac:dyDescent="0.15">
      <c r="B11" s="2">
        <v>0.3888888888888889</v>
      </c>
      <c r="C11" s="1" t="s">
        <v>292</v>
      </c>
      <c r="D11" s="1" t="s">
        <v>60</v>
      </c>
      <c r="E11" s="1" t="s">
        <v>28</v>
      </c>
      <c r="G11" s="1" t="s">
        <v>37</v>
      </c>
      <c r="J11" s="1" t="s">
        <v>201</v>
      </c>
      <c r="N11" s="1" t="s">
        <v>34</v>
      </c>
      <c r="P11" s="1" t="s">
        <v>36</v>
      </c>
      <c r="Q11" s="1" t="s">
        <v>67</v>
      </c>
      <c r="R11" s="1" t="s">
        <v>31</v>
      </c>
      <c r="S11" s="1" t="s">
        <v>45</v>
      </c>
      <c r="T11" s="1" t="s">
        <v>40</v>
      </c>
      <c r="U11" s="1">
        <v>3.5</v>
      </c>
      <c r="V11" s="1"/>
      <c r="W11" s="1"/>
      <c r="X11" s="1">
        <v>0.43</v>
      </c>
      <c r="Y11" s="1">
        <v>5.0000000000000001E-3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303</v>
      </c>
      <c r="BC11" s="1">
        <v>0.26</v>
      </c>
      <c r="BD11" s="1">
        <v>0.31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 t="s">
        <v>312</v>
      </c>
      <c r="BO11" s="1">
        <v>10</v>
      </c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888888888888889</v>
      </c>
      <c r="C12" s="1" t="s">
        <v>329</v>
      </c>
      <c r="D12" s="1" t="s">
        <v>60</v>
      </c>
      <c r="E12" s="1" t="s">
        <v>28</v>
      </c>
      <c r="J12" s="1" t="s">
        <v>202</v>
      </c>
      <c r="N12" s="1" t="s">
        <v>34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305</v>
      </c>
      <c r="AV12" s="1" t="s">
        <v>302</v>
      </c>
      <c r="AW12" s="1" t="s">
        <v>302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81</v>
      </c>
      <c r="B13" s="2">
        <v>0.42708333333333331</v>
      </c>
      <c r="C13" s="1" t="s">
        <v>291</v>
      </c>
      <c r="D13" s="1" t="s">
        <v>48</v>
      </c>
      <c r="E13" s="1" t="s">
        <v>28</v>
      </c>
      <c r="F13" s="1" t="s">
        <v>203</v>
      </c>
      <c r="G13" s="1" t="s">
        <v>80</v>
      </c>
      <c r="J13" s="1" t="s">
        <v>31</v>
      </c>
      <c r="K13" s="1" t="s">
        <v>198</v>
      </c>
      <c r="M13" s="1" t="s">
        <v>204</v>
      </c>
      <c r="N13" s="1" t="s">
        <v>34</v>
      </c>
      <c r="O13" s="1" t="s">
        <v>35</v>
      </c>
      <c r="P13" s="1" t="s">
        <v>36</v>
      </c>
      <c r="Q13" s="1" t="s">
        <v>37</v>
      </c>
      <c r="R13" s="1" t="s">
        <v>55</v>
      </c>
      <c r="S13" s="1" t="s">
        <v>186</v>
      </c>
      <c r="T13" s="1" t="s">
        <v>65</v>
      </c>
      <c r="U13" s="1">
        <v>8.8000000000000007</v>
      </c>
      <c r="V13" s="1"/>
      <c r="W13" s="1"/>
      <c r="X13" s="1">
        <v>0.4</v>
      </c>
      <c r="Y13" s="1">
        <v>8.9999999999999993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303</v>
      </c>
      <c r="BC13" s="1">
        <v>0.2</v>
      </c>
      <c r="BD13" s="1">
        <v>0.25</v>
      </c>
      <c r="BE13" s="1"/>
      <c r="BF13" s="1"/>
      <c r="BG13" s="1"/>
      <c r="BH13" s="1"/>
      <c r="BI13" s="1"/>
      <c r="BJ13" s="1"/>
      <c r="BK13" s="1"/>
      <c r="BL13" s="1"/>
      <c r="BM13" s="1" t="s">
        <v>316</v>
      </c>
      <c r="BN13" s="1" t="s">
        <v>312</v>
      </c>
      <c r="BO13" s="1">
        <v>9</v>
      </c>
      <c r="BP13" s="1">
        <v>1.1000000000000001</v>
      </c>
      <c r="BQ13" s="1"/>
      <c r="BR13" s="1"/>
      <c r="BS13" s="1"/>
      <c r="BT13" s="1">
        <v>4.9000000000000004</v>
      </c>
      <c r="BU13" s="1"/>
      <c r="BV13" s="1"/>
      <c r="BW13" s="1"/>
      <c r="BX13" s="1"/>
      <c r="BY13" s="1"/>
      <c r="BZ13" s="1"/>
    </row>
    <row r="14" spans="1:78" x14ac:dyDescent="0.15">
      <c r="B14" s="2">
        <v>0.43402777777777773</v>
      </c>
      <c r="C14" s="1" t="s">
        <v>292</v>
      </c>
      <c r="D14" s="1" t="s">
        <v>48</v>
      </c>
      <c r="E14" s="1" t="s">
        <v>28</v>
      </c>
      <c r="G14" s="1" t="s">
        <v>85</v>
      </c>
      <c r="J14" s="1" t="s">
        <v>201</v>
      </c>
      <c r="N14" s="1" t="s">
        <v>34</v>
      </c>
      <c r="P14" s="1" t="s">
        <v>36</v>
      </c>
      <c r="Q14" s="1" t="s">
        <v>67</v>
      </c>
      <c r="R14" s="1" t="s">
        <v>96</v>
      </c>
      <c r="S14" s="1" t="s">
        <v>79</v>
      </c>
      <c r="T14" s="1" t="s">
        <v>65</v>
      </c>
      <c r="U14" s="1">
        <v>1.6</v>
      </c>
      <c r="V14" s="1"/>
      <c r="W14" s="1"/>
      <c r="X14" s="1">
        <v>0.37</v>
      </c>
      <c r="Y14" s="1">
        <v>5.0000000000000001E-3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17</v>
      </c>
      <c r="BD14" s="1">
        <v>0.22</v>
      </c>
      <c r="BE14" s="1"/>
      <c r="BF14" s="1"/>
      <c r="BG14" s="1"/>
      <c r="BH14" s="1"/>
      <c r="BI14" s="1"/>
      <c r="BJ14" s="1"/>
      <c r="BK14" s="1"/>
      <c r="BL14" s="1"/>
      <c r="BM14" s="1" t="s">
        <v>316</v>
      </c>
      <c r="BN14" s="1" t="s">
        <v>312</v>
      </c>
      <c r="BO14" s="1">
        <v>10</v>
      </c>
      <c r="BP14" s="1">
        <v>1.4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3402777777777773</v>
      </c>
      <c r="C15" s="1" t="s">
        <v>329</v>
      </c>
      <c r="D15" s="1" t="s">
        <v>48</v>
      </c>
      <c r="E15" s="1" t="s">
        <v>28</v>
      </c>
      <c r="J15" s="1" t="s">
        <v>202</v>
      </c>
      <c r="N15" s="1" t="s">
        <v>34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8</v>
      </c>
      <c r="B16" s="2">
        <v>0.3888888888888889</v>
      </c>
      <c r="C16" s="1" t="s">
        <v>291</v>
      </c>
      <c r="D16" s="1" t="s">
        <v>60</v>
      </c>
      <c r="E16" s="1" t="s">
        <v>28</v>
      </c>
      <c r="F16" s="1" t="s">
        <v>205</v>
      </c>
      <c r="G16" s="1" t="s">
        <v>206</v>
      </c>
      <c r="J16" s="1" t="s">
        <v>31</v>
      </c>
      <c r="K16" s="1" t="s">
        <v>77</v>
      </c>
      <c r="M16" s="1" t="s">
        <v>92</v>
      </c>
      <c r="N16" s="1" t="s">
        <v>34</v>
      </c>
      <c r="O16" s="1" t="s">
        <v>53</v>
      </c>
      <c r="P16" s="1" t="s">
        <v>36</v>
      </c>
      <c r="Q16" s="1" t="s">
        <v>190</v>
      </c>
      <c r="R16" s="1" t="s">
        <v>33</v>
      </c>
      <c r="S16" s="1" t="s">
        <v>207</v>
      </c>
      <c r="T16" s="1" t="s">
        <v>208</v>
      </c>
      <c r="U16" s="1">
        <v>10.5</v>
      </c>
      <c r="V16" s="1"/>
      <c r="W16" s="1"/>
      <c r="X16" s="1">
        <v>0.61</v>
      </c>
      <c r="Y16" s="1">
        <v>2.8000000000000001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303</v>
      </c>
      <c r="BC16" s="1">
        <v>0.17</v>
      </c>
      <c r="BD16" s="1">
        <v>0.22</v>
      </c>
      <c r="BE16" s="1"/>
      <c r="BF16" s="1"/>
      <c r="BG16" s="1"/>
      <c r="BH16" s="1"/>
      <c r="BI16" s="1"/>
      <c r="BJ16" s="1"/>
      <c r="BK16" s="1"/>
      <c r="BL16" s="1"/>
      <c r="BM16" s="1" t="s">
        <v>316</v>
      </c>
      <c r="BN16" s="1" t="s">
        <v>312</v>
      </c>
      <c r="BO16" s="1">
        <v>9</v>
      </c>
      <c r="BP16" s="1"/>
      <c r="BQ16" s="1"/>
      <c r="BR16" s="1"/>
      <c r="BS16" s="1"/>
      <c r="BT16" s="1">
        <v>42</v>
      </c>
      <c r="BU16" s="1"/>
      <c r="BV16" s="1"/>
      <c r="BW16" s="1"/>
      <c r="BX16" s="1"/>
      <c r="BY16" s="1"/>
      <c r="BZ16" s="1"/>
    </row>
    <row r="17" spans="1:78" x14ac:dyDescent="0.15">
      <c r="B17" s="2">
        <v>0.39930555555555558</v>
      </c>
      <c r="C17" s="1" t="s">
        <v>292</v>
      </c>
      <c r="D17" s="1" t="s">
        <v>60</v>
      </c>
      <c r="E17" s="1" t="s">
        <v>28</v>
      </c>
      <c r="G17" s="1" t="s">
        <v>209</v>
      </c>
      <c r="J17" s="1" t="s">
        <v>210</v>
      </c>
      <c r="N17" s="1" t="s">
        <v>34</v>
      </c>
      <c r="P17" s="1" t="s">
        <v>36</v>
      </c>
      <c r="Q17" s="1" t="s">
        <v>67</v>
      </c>
      <c r="R17" s="1" t="s">
        <v>31</v>
      </c>
      <c r="S17" s="1" t="s">
        <v>79</v>
      </c>
      <c r="T17" s="1" t="s">
        <v>211</v>
      </c>
      <c r="U17" s="1">
        <v>0.6</v>
      </c>
      <c r="V17" s="1"/>
      <c r="W17" s="1"/>
      <c r="X17" s="1">
        <v>0.33</v>
      </c>
      <c r="Y17" s="1">
        <v>1.7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5</v>
      </c>
      <c r="BC17" s="1">
        <v>0.08</v>
      </c>
      <c r="BD17" s="1">
        <v>0.13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 t="s">
        <v>312</v>
      </c>
      <c r="BO17" s="1">
        <v>1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9930555555555558</v>
      </c>
      <c r="C18" s="1" t="s">
        <v>329</v>
      </c>
      <c r="D18" s="1" t="s">
        <v>60</v>
      </c>
      <c r="E18" s="1" t="s">
        <v>28</v>
      </c>
      <c r="J18" s="1" t="s">
        <v>166</v>
      </c>
      <c r="N18" s="1" t="s">
        <v>34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98</v>
      </c>
      <c r="B19" s="2">
        <v>0.39583333333333331</v>
      </c>
      <c r="C19" s="1" t="s">
        <v>291</v>
      </c>
      <c r="D19" s="1" t="s">
        <v>27</v>
      </c>
      <c r="E19" s="1" t="s">
        <v>28</v>
      </c>
      <c r="F19" s="1" t="s">
        <v>212</v>
      </c>
      <c r="G19" s="1" t="s">
        <v>213</v>
      </c>
      <c r="J19" s="1" t="s">
        <v>31</v>
      </c>
      <c r="K19" s="1" t="s">
        <v>214</v>
      </c>
      <c r="M19" s="1" t="s">
        <v>215</v>
      </c>
      <c r="N19" s="1" t="s">
        <v>101</v>
      </c>
      <c r="O19" s="1" t="s">
        <v>102</v>
      </c>
      <c r="P19" s="1" t="s">
        <v>103</v>
      </c>
      <c r="Q19" s="1" t="s">
        <v>104</v>
      </c>
      <c r="R19" s="1" t="s">
        <v>185</v>
      </c>
      <c r="S19" s="1" t="s">
        <v>104</v>
      </c>
      <c r="T19" s="1" t="s">
        <v>216</v>
      </c>
      <c r="U19" s="1">
        <v>8.6999999999999993</v>
      </c>
      <c r="V19" s="1"/>
      <c r="W19" s="1"/>
      <c r="X19" s="1">
        <v>1</v>
      </c>
      <c r="Y19" s="1">
        <v>0.1400000000000000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303</v>
      </c>
      <c r="BC19" s="1">
        <v>0.24</v>
      </c>
      <c r="BD19" s="1">
        <v>0.28999999999999998</v>
      </c>
      <c r="BE19" s="1"/>
      <c r="BF19" s="1"/>
      <c r="BG19" s="1"/>
      <c r="BH19" s="1"/>
      <c r="BI19" s="1"/>
      <c r="BJ19" s="1"/>
      <c r="BK19" s="1"/>
      <c r="BL19" s="1"/>
      <c r="BM19" s="1" t="s">
        <v>316</v>
      </c>
      <c r="BN19" s="1">
        <v>3.5999999999999997E-2</v>
      </c>
      <c r="BO19" s="1">
        <v>7</v>
      </c>
      <c r="BP19" s="1"/>
      <c r="BQ19" s="1"/>
      <c r="BR19" s="1"/>
      <c r="BS19" s="1"/>
      <c r="BT19" s="1">
        <v>10</v>
      </c>
      <c r="BU19" s="1"/>
      <c r="BV19" s="1"/>
      <c r="BW19" s="1"/>
      <c r="BX19" s="1"/>
      <c r="BY19" s="1"/>
      <c r="BZ19" s="1"/>
    </row>
    <row r="20" spans="1:78" x14ac:dyDescent="0.15">
      <c r="B20" s="2">
        <v>0.40277777777777773</v>
      </c>
      <c r="C20" s="1" t="s">
        <v>292</v>
      </c>
      <c r="D20" s="1" t="s">
        <v>27</v>
      </c>
      <c r="E20" s="1" t="s">
        <v>28</v>
      </c>
      <c r="G20" s="1" t="s">
        <v>217</v>
      </c>
      <c r="J20" s="1" t="s">
        <v>218</v>
      </c>
      <c r="N20" s="1" t="s">
        <v>101</v>
      </c>
      <c r="P20" s="1" t="s">
        <v>103</v>
      </c>
      <c r="Q20" s="1" t="s">
        <v>67</v>
      </c>
      <c r="R20" s="1" t="s">
        <v>78</v>
      </c>
      <c r="S20" s="1" t="s">
        <v>219</v>
      </c>
      <c r="T20" s="1" t="s">
        <v>220</v>
      </c>
      <c r="U20" s="1">
        <v>1.3</v>
      </c>
      <c r="V20" s="1"/>
      <c r="W20" s="1"/>
      <c r="X20" s="1">
        <v>0.62</v>
      </c>
      <c r="Y20" s="1">
        <v>7.4999999999999997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4</v>
      </c>
      <c r="BC20" s="1">
        <v>0.1</v>
      </c>
      <c r="BD20" s="1">
        <v>0.15</v>
      </c>
      <c r="BE20" s="1"/>
      <c r="BF20" s="1"/>
      <c r="BG20" s="1"/>
      <c r="BH20" s="1"/>
      <c r="BI20" s="1"/>
      <c r="BJ20" s="1"/>
      <c r="BK20" s="1"/>
      <c r="BL20" s="1"/>
      <c r="BM20" s="1">
        <v>0.06</v>
      </c>
      <c r="BN20" s="1">
        <v>3.4000000000000002E-2</v>
      </c>
      <c r="BO20" s="1">
        <v>9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0277777777777773</v>
      </c>
      <c r="C21" s="1" t="s">
        <v>329</v>
      </c>
      <c r="D21" s="1" t="s">
        <v>27</v>
      </c>
      <c r="E21" s="1" t="s">
        <v>28</v>
      </c>
      <c r="J21" s="1" t="s">
        <v>221</v>
      </c>
      <c r="N21" s="1" t="s">
        <v>101</v>
      </c>
      <c r="U21" s="1"/>
      <c r="V21" s="1"/>
      <c r="W21" s="1"/>
      <c r="X21" s="1"/>
      <c r="Y21" s="1"/>
      <c r="Z21" s="1"/>
      <c r="AA21" s="1"/>
      <c r="AB21" s="1"/>
      <c r="AC21" s="1" t="s">
        <v>302</v>
      </c>
      <c r="AD21" s="1" t="s">
        <v>303</v>
      </c>
      <c r="AE21" s="1">
        <v>8.0000000000000004E-4</v>
      </c>
      <c r="AF21" s="1" t="s">
        <v>304</v>
      </c>
      <c r="AG21" s="1">
        <v>5.0000000000000001E-4</v>
      </c>
      <c r="AH21" s="1" t="s">
        <v>305</v>
      </c>
      <c r="AI21" s="1"/>
      <c r="AJ21" s="1" t="s">
        <v>305</v>
      </c>
      <c r="AK21" s="1" t="s">
        <v>306</v>
      </c>
      <c r="AL21" s="1" t="s">
        <v>306</v>
      </c>
      <c r="AM21" s="1" t="s">
        <v>306</v>
      </c>
      <c r="AN21" s="1" t="s">
        <v>306</v>
      </c>
      <c r="AO21" s="1" t="s">
        <v>306</v>
      </c>
      <c r="AP21" t="s">
        <v>306</v>
      </c>
      <c r="AQ21" s="1" t="s">
        <v>306</v>
      </c>
      <c r="AR21" s="1" t="s">
        <v>306</v>
      </c>
      <c r="AS21" s="1" t="s">
        <v>306</v>
      </c>
      <c r="AT21" s="1" t="s">
        <v>310</v>
      </c>
      <c r="AU21" s="1"/>
      <c r="AV21" s="1"/>
      <c r="AW21" s="1"/>
      <c r="AX21" s="1" t="s">
        <v>306</v>
      </c>
      <c r="AY21" s="1" t="s">
        <v>305</v>
      </c>
      <c r="AZ21" s="1" t="s">
        <v>311</v>
      </c>
      <c r="BA21" s="1">
        <v>7.1000000000000004E-3</v>
      </c>
      <c r="BB21" s="1"/>
      <c r="BC21" s="1"/>
      <c r="BD21" s="1"/>
      <c r="BE21" s="1" t="s">
        <v>312</v>
      </c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12</v>
      </c>
      <c r="B22" s="2">
        <v>0.53819444444444442</v>
      </c>
      <c r="C22" s="1" t="s">
        <v>291</v>
      </c>
      <c r="D22" s="1" t="s">
        <v>48</v>
      </c>
      <c r="E22" s="1" t="s">
        <v>294</v>
      </c>
      <c r="F22" s="1" t="s">
        <v>89</v>
      </c>
      <c r="G22" s="1" t="s">
        <v>222</v>
      </c>
      <c r="J22" s="1" t="s">
        <v>31</v>
      </c>
      <c r="K22" s="1" t="s">
        <v>223</v>
      </c>
      <c r="M22" s="1" t="s">
        <v>39</v>
      </c>
      <c r="N22" s="1" t="s">
        <v>34</v>
      </c>
      <c r="O22" s="1" t="s">
        <v>53</v>
      </c>
      <c r="P22" s="1" t="s">
        <v>36</v>
      </c>
      <c r="Q22" s="1" t="s">
        <v>37</v>
      </c>
      <c r="R22" s="1" t="s">
        <v>39</v>
      </c>
      <c r="S22" s="1" t="s">
        <v>199</v>
      </c>
      <c r="T22" s="1" t="s">
        <v>119</v>
      </c>
      <c r="U22" s="1">
        <v>10.7</v>
      </c>
      <c r="V22" s="1"/>
      <c r="W22" s="1"/>
      <c r="X22" s="1">
        <v>0.45</v>
      </c>
      <c r="Y22" s="1">
        <v>1.4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303</v>
      </c>
      <c r="BC22" s="1">
        <v>0.17</v>
      </c>
      <c r="BD22" s="1">
        <v>0.22</v>
      </c>
      <c r="BE22" s="1"/>
      <c r="BF22" s="1"/>
      <c r="BG22" s="1"/>
      <c r="BH22" s="1"/>
      <c r="BI22" s="1"/>
      <c r="BJ22" s="1"/>
      <c r="BK22" s="1"/>
      <c r="BL22" s="1"/>
      <c r="BM22" s="1" t="s">
        <v>316</v>
      </c>
      <c r="BN22" s="1" t="s">
        <v>312</v>
      </c>
      <c r="BO22" s="1">
        <v>9</v>
      </c>
      <c r="BP22" s="1">
        <v>1.6</v>
      </c>
      <c r="BQ22" s="1"/>
      <c r="BR22" s="1"/>
      <c r="BS22" s="1"/>
      <c r="BT22" s="1">
        <v>22</v>
      </c>
      <c r="BU22" s="1"/>
      <c r="BV22" s="1"/>
      <c r="BW22" s="1"/>
      <c r="BX22" s="1"/>
      <c r="BY22" s="1"/>
      <c r="BZ22" s="1"/>
    </row>
    <row r="23" spans="1:78" x14ac:dyDescent="0.15">
      <c r="B23" s="2">
        <v>0.55208333333333337</v>
      </c>
      <c r="C23" s="1" t="s">
        <v>292</v>
      </c>
      <c r="D23" s="1" t="s">
        <v>48</v>
      </c>
      <c r="E23" s="1" t="s">
        <v>294</v>
      </c>
      <c r="G23" s="1" t="s">
        <v>224</v>
      </c>
      <c r="J23" s="1" t="s">
        <v>42</v>
      </c>
      <c r="N23" s="1" t="s">
        <v>34</v>
      </c>
      <c r="P23" s="1" t="s">
        <v>36</v>
      </c>
      <c r="Q23" s="1" t="s">
        <v>104</v>
      </c>
      <c r="R23" s="1" t="s">
        <v>78</v>
      </c>
      <c r="S23" s="1" t="s">
        <v>127</v>
      </c>
      <c r="T23" s="1" t="s">
        <v>208</v>
      </c>
      <c r="U23" s="1">
        <v>6.7</v>
      </c>
      <c r="V23" s="1"/>
      <c r="W23" s="1"/>
      <c r="X23" s="1">
        <v>0.34</v>
      </c>
      <c r="Y23" s="1">
        <v>8.0000000000000002E-3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303</v>
      </c>
      <c r="BC23" s="1">
        <v>0.23</v>
      </c>
      <c r="BD23" s="1">
        <v>0.28000000000000003</v>
      </c>
      <c r="BE23" s="1"/>
      <c r="BF23" s="1"/>
      <c r="BG23" s="1"/>
      <c r="BH23" s="1"/>
      <c r="BI23" s="1"/>
      <c r="BJ23" s="1"/>
      <c r="BK23" s="1"/>
      <c r="BL23" s="1"/>
      <c r="BM23" s="1" t="s">
        <v>316</v>
      </c>
      <c r="BN23" s="1" t="s">
        <v>312</v>
      </c>
      <c r="BO23" s="1">
        <v>8</v>
      </c>
      <c r="BP23" s="1">
        <v>1.5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55208333333333337</v>
      </c>
      <c r="C24" s="1" t="s">
        <v>329</v>
      </c>
      <c r="D24" s="1" t="s">
        <v>48</v>
      </c>
      <c r="E24" s="1" t="s">
        <v>294</v>
      </c>
      <c r="J24" s="1" t="s">
        <v>71</v>
      </c>
      <c r="N24" s="1" t="s">
        <v>34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21</v>
      </c>
      <c r="B25" s="2">
        <v>0.38194444444444442</v>
      </c>
      <c r="C25" s="1" t="s">
        <v>291</v>
      </c>
      <c r="D25" s="1" t="s">
        <v>27</v>
      </c>
      <c r="E25" s="1" t="s">
        <v>293</v>
      </c>
      <c r="F25" s="1" t="s">
        <v>114</v>
      </c>
      <c r="G25" s="1" t="s">
        <v>122</v>
      </c>
      <c r="J25" s="1" t="s">
        <v>31</v>
      </c>
      <c r="K25" s="1" t="s">
        <v>225</v>
      </c>
      <c r="M25" s="1" t="s">
        <v>226</v>
      </c>
      <c r="N25" s="1" t="s">
        <v>34</v>
      </c>
      <c r="O25" s="1" t="s">
        <v>35</v>
      </c>
      <c r="P25" s="1" t="s">
        <v>36</v>
      </c>
      <c r="Q25" s="1" t="s">
        <v>117</v>
      </c>
      <c r="R25" s="1" t="s">
        <v>45</v>
      </c>
      <c r="S25" s="1" t="s">
        <v>75</v>
      </c>
      <c r="T25" s="1" t="s">
        <v>65</v>
      </c>
      <c r="U25" s="1">
        <v>9.1999999999999993</v>
      </c>
      <c r="V25" s="1"/>
      <c r="W25" s="1"/>
      <c r="X25" s="1">
        <v>0.36</v>
      </c>
      <c r="Y25" s="1">
        <v>7.0000000000000001E-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303</v>
      </c>
      <c r="BC25" s="1">
        <v>0.2</v>
      </c>
      <c r="BD25" s="1">
        <v>0.25</v>
      </c>
      <c r="BE25" s="1"/>
      <c r="BF25" s="1"/>
      <c r="BG25" s="1"/>
      <c r="BH25" s="1"/>
      <c r="BI25" s="1"/>
      <c r="BJ25" s="1"/>
      <c r="BK25" s="1"/>
      <c r="BL25" s="1"/>
      <c r="BM25" s="1" t="s">
        <v>316</v>
      </c>
      <c r="BN25" s="1" t="s">
        <v>312</v>
      </c>
      <c r="BO25" s="1">
        <v>9</v>
      </c>
      <c r="BP25" s="1"/>
      <c r="BQ25" s="1"/>
      <c r="BR25" s="1"/>
      <c r="BS25" s="1"/>
      <c r="BT25" s="1">
        <v>12</v>
      </c>
      <c r="BU25" s="1"/>
      <c r="BV25" s="1"/>
      <c r="BW25" s="1"/>
      <c r="BX25" s="1"/>
      <c r="BY25" s="1"/>
      <c r="BZ25" s="1"/>
    </row>
    <row r="26" spans="1:78" x14ac:dyDescent="0.15">
      <c r="B26" s="2">
        <v>0.3888888888888889</v>
      </c>
      <c r="C26" s="1" t="s">
        <v>292</v>
      </c>
      <c r="D26" s="1" t="s">
        <v>27</v>
      </c>
      <c r="E26" s="1" t="s">
        <v>293</v>
      </c>
      <c r="G26" s="1" t="s">
        <v>126</v>
      </c>
      <c r="J26" s="1" t="s">
        <v>42</v>
      </c>
      <c r="N26" s="1" t="s">
        <v>34</v>
      </c>
      <c r="P26" s="1" t="s">
        <v>36</v>
      </c>
      <c r="Q26" s="1" t="s">
        <v>104</v>
      </c>
      <c r="R26" s="1" t="s">
        <v>38</v>
      </c>
      <c r="S26" s="1" t="s">
        <v>55</v>
      </c>
      <c r="T26" s="1" t="s">
        <v>46</v>
      </c>
      <c r="U26" s="1">
        <v>8.8000000000000007</v>
      </c>
      <c r="V26" s="1"/>
      <c r="W26" s="1"/>
      <c r="X26" s="1">
        <v>0.28000000000000003</v>
      </c>
      <c r="Y26" s="1">
        <v>4.0000000000000001E-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303</v>
      </c>
      <c r="BC26" s="1">
        <v>0.2</v>
      </c>
      <c r="BD26" s="1">
        <v>0.25</v>
      </c>
      <c r="BE26" s="1"/>
      <c r="BF26" s="1"/>
      <c r="BG26" s="1"/>
      <c r="BH26" s="1"/>
      <c r="BI26" s="1"/>
      <c r="BJ26" s="1"/>
      <c r="BK26" s="1"/>
      <c r="BL26" s="1"/>
      <c r="BM26" s="1" t="s">
        <v>316</v>
      </c>
      <c r="BN26" s="1" t="s">
        <v>312</v>
      </c>
      <c r="BO26" s="1">
        <v>9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888888888888889</v>
      </c>
      <c r="C27" s="1" t="s">
        <v>329</v>
      </c>
      <c r="D27" s="1" t="s">
        <v>27</v>
      </c>
      <c r="E27" s="1" t="s">
        <v>293</v>
      </c>
      <c r="J27" s="1" t="s">
        <v>71</v>
      </c>
      <c r="N27" s="1" t="s">
        <v>34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29</v>
      </c>
      <c r="B28" s="2">
        <v>0.38541666666666669</v>
      </c>
      <c r="C28" s="1" t="s">
        <v>291</v>
      </c>
      <c r="D28" s="1" t="s">
        <v>48</v>
      </c>
      <c r="E28" s="1" t="s">
        <v>28</v>
      </c>
      <c r="F28" s="1" t="s">
        <v>227</v>
      </c>
      <c r="G28" s="1" t="s">
        <v>130</v>
      </c>
      <c r="J28" s="1" t="s">
        <v>31</v>
      </c>
      <c r="K28" s="1" t="s">
        <v>32</v>
      </c>
      <c r="M28" s="1" t="s">
        <v>179</v>
      </c>
      <c r="N28" s="1" t="s">
        <v>34</v>
      </c>
      <c r="O28" s="1" t="s">
        <v>35</v>
      </c>
      <c r="P28" s="1" t="s">
        <v>36</v>
      </c>
      <c r="Q28" s="1" t="s">
        <v>133</v>
      </c>
      <c r="R28" s="1" t="s">
        <v>44</v>
      </c>
      <c r="S28" s="1" t="s">
        <v>75</v>
      </c>
      <c r="T28" s="1" t="s">
        <v>228</v>
      </c>
      <c r="U28" s="1">
        <v>9.5</v>
      </c>
      <c r="V28" s="1"/>
      <c r="W28" s="1"/>
      <c r="X28" s="1">
        <v>0.3</v>
      </c>
      <c r="Y28" s="1">
        <v>5.0000000000000001E-3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303</v>
      </c>
      <c r="BC28" s="1">
        <v>0.21</v>
      </c>
      <c r="BD28" s="1">
        <v>0.26</v>
      </c>
      <c r="BF28" s="1"/>
      <c r="BG28" s="1"/>
      <c r="BH28" s="1"/>
      <c r="BI28" s="1"/>
      <c r="BJ28" s="1"/>
      <c r="BK28" s="1"/>
      <c r="BL28" s="1"/>
      <c r="BM28" s="1" t="s">
        <v>316</v>
      </c>
      <c r="BN28" s="1" t="s">
        <v>312</v>
      </c>
      <c r="BO28" s="1">
        <v>9</v>
      </c>
      <c r="BP28" s="1"/>
      <c r="BQ28" s="1"/>
      <c r="BR28" s="1"/>
      <c r="BS28" s="1"/>
      <c r="BT28" s="1">
        <v>4.5</v>
      </c>
      <c r="BU28" s="1"/>
      <c r="BV28" s="1"/>
      <c r="BW28" s="1"/>
      <c r="BX28" s="1"/>
      <c r="BY28" s="1"/>
      <c r="BZ28" s="1"/>
    </row>
    <row r="29" spans="1:78" x14ac:dyDescent="0.15">
      <c r="B29" s="2">
        <v>0.39930555555555558</v>
      </c>
      <c r="C29" s="1" t="s">
        <v>292</v>
      </c>
      <c r="D29" s="1" t="s">
        <v>48</v>
      </c>
      <c r="E29" s="1" t="s">
        <v>28</v>
      </c>
      <c r="G29" s="1" t="s">
        <v>153</v>
      </c>
      <c r="J29" s="1" t="s">
        <v>42</v>
      </c>
      <c r="N29" s="1" t="s">
        <v>34</v>
      </c>
      <c r="P29" s="1" t="s">
        <v>36</v>
      </c>
      <c r="Q29" s="1" t="s">
        <v>133</v>
      </c>
      <c r="R29" s="1" t="s">
        <v>44</v>
      </c>
      <c r="S29" s="1" t="s">
        <v>75</v>
      </c>
      <c r="T29" s="1" t="s">
        <v>40</v>
      </c>
      <c r="U29" s="1">
        <v>9.4</v>
      </c>
      <c r="V29" s="1"/>
      <c r="W29" s="1"/>
      <c r="X29" s="1">
        <v>0.32</v>
      </c>
      <c r="Y29" s="1">
        <v>7.0000000000000001E-3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303</v>
      </c>
      <c r="BC29" s="1">
        <v>0.2</v>
      </c>
      <c r="BD29" s="1">
        <v>0.25</v>
      </c>
      <c r="BF29" s="1"/>
      <c r="BG29" s="1"/>
      <c r="BH29" s="1"/>
      <c r="BI29" s="1"/>
      <c r="BJ29" s="1"/>
      <c r="BK29" s="1"/>
      <c r="BL29" s="1"/>
      <c r="BM29" s="1" t="s">
        <v>316</v>
      </c>
      <c r="BN29" s="1" t="s">
        <v>312</v>
      </c>
      <c r="BO29" s="1">
        <v>9</v>
      </c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9930555555555558</v>
      </c>
      <c r="C30" s="1" t="s">
        <v>329</v>
      </c>
      <c r="D30" s="1" t="s">
        <v>48</v>
      </c>
      <c r="E30" s="1" t="s">
        <v>28</v>
      </c>
      <c r="J30" s="1" t="s">
        <v>71</v>
      </c>
      <c r="N30" s="1" t="s">
        <v>34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36</v>
      </c>
      <c r="B31" s="2">
        <v>0.43055555555555558</v>
      </c>
      <c r="C31" s="1" t="s">
        <v>291</v>
      </c>
      <c r="D31" s="1" t="s">
        <v>27</v>
      </c>
      <c r="E31" s="1" t="s">
        <v>28</v>
      </c>
      <c r="F31" s="1" t="s">
        <v>229</v>
      </c>
      <c r="G31" s="1" t="s">
        <v>41</v>
      </c>
      <c r="J31" s="1" t="s">
        <v>31</v>
      </c>
      <c r="K31" s="1" t="s">
        <v>230</v>
      </c>
      <c r="M31" s="1" t="s">
        <v>194</v>
      </c>
      <c r="N31" s="1" t="s">
        <v>34</v>
      </c>
      <c r="O31" s="1" t="s">
        <v>53</v>
      </c>
      <c r="P31" s="1" t="s">
        <v>36</v>
      </c>
      <c r="Q31" s="1" t="s">
        <v>133</v>
      </c>
      <c r="R31" s="1" t="s">
        <v>45</v>
      </c>
      <c r="S31" s="1" t="s">
        <v>79</v>
      </c>
      <c r="T31" s="1" t="s">
        <v>40</v>
      </c>
      <c r="U31" s="1">
        <v>9.9</v>
      </c>
      <c r="V31" s="1"/>
      <c r="W31" s="1"/>
      <c r="X31" s="1">
        <v>0.34</v>
      </c>
      <c r="Y31" s="1">
        <v>5.0000000000000001E-3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303</v>
      </c>
      <c r="BC31" s="1">
        <v>0.2</v>
      </c>
      <c r="BD31" s="1">
        <v>0.25</v>
      </c>
      <c r="BF31" s="1"/>
      <c r="BG31" s="1"/>
      <c r="BH31" s="1"/>
      <c r="BI31" s="1"/>
      <c r="BJ31" s="1"/>
      <c r="BK31" s="1"/>
      <c r="BL31" s="1"/>
      <c r="BM31" s="1" t="s">
        <v>316</v>
      </c>
      <c r="BN31" s="1" t="s">
        <v>312</v>
      </c>
      <c r="BO31" s="1">
        <v>10</v>
      </c>
      <c r="BP31" s="1">
        <v>1.6</v>
      </c>
      <c r="BQ31" s="1"/>
      <c r="BR31" s="1"/>
      <c r="BS31" s="1"/>
      <c r="BT31" s="1">
        <v>3.7</v>
      </c>
      <c r="BU31" s="1"/>
      <c r="BV31" s="1"/>
      <c r="BW31" s="1"/>
      <c r="BX31" s="1"/>
      <c r="BY31" s="1"/>
      <c r="BZ31" s="1"/>
    </row>
    <row r="32" spans="1:78" x14ac:dyDescent="0.15">
      <c r="B32" s="2">
        <v>0.4375</v>
      </c>
      <c r="C32" s="1" t="s">
        <v>292</v>
      </c>
      <c r="D32" s="1" t="s">
        <v>27</v>
      </c>
      <c r="E32" s="1" t="s">
        <v>28</v>
      </c>
      <c r="G32" s="1" t="s">
        <v>41</v>
      </c>
      <c r="J32" s="1" t="s">
        <v>115</v>
      </c>
      <c r="N32" s="1" t="s">
        <v>34</v>
      </c>
      <c r="P32" s="1" t="s">
        <v>36</v>
      </c>
      <c r="Q32" s="1" t="s">
        <v>133</v>
      </c>
      <c r="R32" s="1" t="s">
        <v>45</v>
      </c>
      <c r="S32" s="1" t="s">
        <v>92</v>
      </c>
      <c r="T32" s="1" t="s">
        <v>65</v>
      </c>
      <c r="U32" s="1">
        <v>10.199999999999999</v>
      </c>
      <c r="V32" s="1"/>
      <c r="W32" s="1"/>
      <c r="X32" s="1">
        <v>0.36</v>
      </c>
      <c r="Y32" s="1">
        <v>7.0000000000000001E-3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303</v>
      </c>
      <c r="BC32" s="1">
        <v>0.19</v>
      </c>
      <c r="BD32" s="1">
        <v>0.24</v>
      </c>
      <c r="BF32" s="1"/>
      <c r="BG32" s="1"/>
      <c r="BH32" s="1"/>
      <c r="BI32" s="1"/>
      <c r="BJ32" s="1"/>
      <c r="BK32" s="1"/>
      <c r="BL32" s="1"/>
      <c r="BM32" s="1" t="s">
        <v>316</v>
      </c>
      <c r="BN32" s="1" t="s">
        <v>312</v>
      </c>
      <c r="BO32" s="1">
        <v>10</v>
      </c>
      <c r="BP32" s="1">
        <v>1.6</v>
      </c>
      <c r="BQ32" s="1"/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375</v>
      </c>
      <c r="C33" s="1" t="s">
        <v>329</v>
      </c>
      <c r="D33" s="1" t="s">
        <v>27</v>
      </c>
      <c r="E33" s="1" t="s">
        <v>28</v>
      </c>
      <c r="J33" s="1" t="s">
        <v>197</v>
      </c>
      <c r="N33" s="1" t="s">
        <v>34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40</v>
      </c>
      <c r="B34" s="2">
        <v>0.3888888888888889</v>
      </c>
      <c r="C34" s="1" t="s">
        <v>291</v>
      </c>
      <c r="D34" s="1" t="s">
        <v>27</v>
      </c>
      <c r="E34" s="1" t="s">
        <v>294</v>
      </c>
      <c r="F34" s="1" t="s">
        <v>231</v>
      </c>
      <c r="G34" s="1" t="s">
        <v>130</v>
      </c>
      <c r="J34" s="1" t="s">
        <v>31</v>
      </c>
      <c r="K34" s="1" t="s">
        <v>232</v>
      </c>
      <c r="M34" s="1" t="s">
        <v>207</v>
      </c>
      <c r="N34" s="1" t="s">
        <v>34</v>
      </c>
      <c r="O34" s="1" t="s">
        <v>35</v>
      </c>
      <c r="P34" s="1" t="s">
        <v>36</v>
      </c>
      <c r="Q34" s="1" t="s">
        <v>93</v>
      </c>
      <c r="R34" s="1" t="s">
        <v>138</v>
      </c>
      <c r="S34" s="1" t="s">
        <v>204</v>
      </c>
      <c r="T34" s="1" t="s">
        <v>46</v>
      </c>
      <c r="U34" s="1">
        <v>11.6</v>
      </c>
      <c r="V34" s="1"/>
      <c r="W34" s="1"/>
      <c r="X34" s="1">
        <v>0.43</v>
      </c>
      <c r="Y34" s="1">
        <v>1.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303</v>
      </c>
      <c r="BC34" s="1">
        <v>0.19</v>
      </c>
      <c r="BD34" s="1">
        <v>0.24</v>
      </c>
      <c r="BF34" s="1"/>
      <c r="BG34" s="1"/>
      <c r="BH34" s="1"/>
      <c r="BI34" s="1"/>
      <c r="BJ34" s="1"/>
      <c r="BK34" s="1"/>
      <c r="BL34" s="1"/>
      <c r="BM34" s="1" t="s">
        <v>316</v>
      </c>
      <c r="BN34" s="1" t="s">
        <v>312</v>
      </c>
      <c r="BO34" s="1">
        <v>10</v>
      </c>
      <c r="BP34" s="1"/>
      <c r="BQ34" s="1"/>
      <c r="BR34" s="1"/>
      <c r="BS34" s="1"/>
      <c r="BT34" s="1">
        <v>10</v>
      </c>
      <c r="BU34" s="1"/>
      <c r="BV34" s="1"/>
      <c r="BW34" s="1"/>
      <c r="BX34" s="1"/>
      <c r="BY34" s="1"/>
      <c r="BZ34" s="1"/>
    </row>
    <row r="35" spans="1:78" x14ac:dyDescent="0.15">
      <c r="B35" s="2">
        <v>0.39583333333333331</v>
      </c>
      <c r="C35" s="1" t="s">
        <v>292</v>
      </c>
      <c r="D35" s="1" t="s">
        <v>27</v>
      </c>
      <c r="E35" s="1" t="s">
        <v>294</v>
      </c>
      <c r="G35" s="1" t="s">
        <v>168</v>
      </c>
      <c r="J35" s="1" t="s">
        <v>137</v>
      </c>
      <c r="N35" s="1" t="s">
        <v>34</v>
      </c>
      <c r="P35" s="1" t="s">
        <v>36</v>
      </c>
      <c r="Q35" s="1" t="s">
        <v>117</v>
      </c>
      <c r="R35" s="1" t="s">
        <v>78</v>
      </c>
      <c r="S35" s="1" t="s">
        <v>52</v>
      </c>
      <c r="T35" s="1" t="s">
        <v>40</v>
      </c>
      <c r="U35" s="1">
        <v>8.4</v>
      </c>
      <c r="V35" s="1"/>
      <c r="W35" s="1"/>
      <c r="X35" s="1">
        <v>0.35</v>
      </c>
      <c r="Y35" s="1">
        <v>7.0000000000000001E-3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303</v>
      </c>
      <c r="BC35" s="1">
        <v>0.2</v>
      </c>
      <c r="BD35" s="1">
        <v>0.25</v>
      </c>
      <c r="BF35" s="1"/>
      <c r="BG35" s="1"/>
      <c r="BH35" s="1"/>
      <c r="BI35" s="1"/>
      <c r="BJ35" s="1"/>
      <c r="BK35" s="1"/>
      <c r="BL35" s="1"/>
      <c r="BM35" s="1" t="s">
        <v>316</v>
      </c>
      <c r="BN35" s="1" t="s">
        <v>312</v>
      </c>
      <c r="BO35" s="1">
        <v>10</v>
      </c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9583333333333331</v>
      </c>
      <c r="C36" s="1" t="s">
        <v>329</v>
      </c>
      <c r="D36" s="1" t="s">
        <v>27</v>
      </c>
      <c r="E36" s="1" t="s">
        <v>294</v>
      </c>
      <c r="J36" s="1" t="s">
        <v>120</v>
      </c>
      <c r="N36" s="1" t="s">
        <v>34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2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54</v>
      </c>
      <c r="C1" s="1" t="s">
        <v>1</v>
      </c>
      <c r="D1" s="1" t="s">
        <v>353</v>
      </c>
      <c r="E1" s="1" t="s">
        <v>2</v>
      </c>
      <c r="F1" s="1" t="s">
        <v>35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1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2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47013888888888888</v>
      </c>
      <c r="C4" s="1" t="s">
        <v>339</v>
      </c>
      <c r="D4" s="1" t="s">
        <v>48</v>
      </c>
      <c r="E4" s="1" t="s">
        <v>293</v>
      </c>
      <c r="F4" s="1" t="s">
        <v>351</v>
      </c>
      <c r="G4" s="1" t="s">
        <v>122</v>
      </c>
      <c r="H4" s="1" t="s">
        <v>350</v>
      </c>
      <c r="I4" s="1" t="s">
        <v>344</v>
      </c>
      <c r="J4" s="1" t="s">
        <v>349</v>
      </c>
      <c r="K4" s="1" t="s">
        <v>348</v>
      </c>
      <c r="L4" s="1" t="s">
        <v>347</v>
      </c>
      <c r="N4" s="1" t="s">
        <v>34</v>
      </c>
      <c r="O4" s="1" t="s">
        <v>331</v>
      </c>
      <c r="P4" s="1" t="s">
        <v>36</v>
      </c>
      <c r="Q4" s="1" t="s">
        <v>133</v>
      </c>
      <c r="R4" s="1" t="s">
        <v>215</v>
      </c>
      <c r="S4" s="1" t="s">
        <v>78</v>
      </c>
      <c r="T4" s="1" t="s">
        <v>65</v>
      </c>
      <c r="U4" s="1">
        <v>11.2</v>
      </c>
      <c r="V4" s="3">
        <v>33</v>
      </c>
      <c r="W4" s="1"/>
      <c r="X4" s="1">
        <v>0.31</v>
      </c>
      <c r="Y4" s="1">
        <v>6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23</v>
      </c>
      <c r="BD4" s="1">
        <v>0.28000000000000003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>
        <v>5.0000000000000001E-3</v>
      </c>
      <c r="BO4" s="1">
        <v>8</v>
      </c>
      <c r="BP4" s="1">
        <v>1.2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81</v>
      </c>
      <c r="B5" s="2">
        <v>0.3125</v>
      </c>
      <c r="C5" s="1" t="s">
        <v>339</v>
      </c>
      <c r="D5" s="1" t="s">
        <v>48</v>
      </c>
      <c r="E5" s="1" t="s">
        <v>28</v>
      </c>
      <c r="F5" s="1" t="s">
        <v>164</v>
      </c>
      <c r="G5" s="1" t="s">
        <v>346</v>
      </c>
      <c r="H5" s="1" t="s">
        <v>345</v>
      </c>
      <c r="I5" s="1" t="s">
        <v>344</v>
      </c>
      <c r="J5" s="1" t="s">
        <v>343</v>
      </c>
      <c r="K5" s="1" t="s">
        <v>342</v>
      </c>
      <c r="L5" s="1" t="s">
        <v>332</v>
      </c>
      <c r="N5" s="1" t="s">
        <v>34</v>
      </c>
      <c r="O5" s="1" t="s">
        <v>331</v>
      </c>
      <c r="P5" s="1" t="s">
        <v>36</v>
      </c>
      <c r="Q5" s="1" t="s">
        <v>93</v>
      </c>
      <c r="R5" s="1" t="s">
        <v>215</v>
      </c>
      <c r="S5" s="1" t="s">
        <v>215</v>
      </c>
      <c r="T5" s="1" t="s">
        <v>40</v>
      </c>
      <c r="U5" s="1">
        <v>9.4</v>
      </c>
      <c r="V5" s="3">
        <v>490</v>
      </c>
      <c r="W5" s="1"/>
      <c r="X5" s="1">
        <v>0.37</v>
      </c>
      <c r="Y5" s="1">
        <v>5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8000000000000003</v>
      </c>
      <c r="BD5" s="1">
        <v>0.33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 t="s">
        <v>312</v>
      </c>
      <c r="BO5" s="1">
        <v>8</v>
      </c>
      <c r="BP5" s="1">
        <v>1.2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12</v>
      </c>
      <c r="B6" s="2">
        <v>0.47222222222222227</v>
      </c>
      <c r="C6" s="1" t="s">
        <v>339</v>
      </c>
      <c r="D6" s="1" t="s">
        <v>48</v>
      </c>
      <c r="E6" s="1" t="s">
        <v>294</v>
      </c>
      <c r="F6" s="1" t="s">
        <v>205</v>
      </c>
      <c r="G6" s="1" t="s">
        <v>157</v>
      </c>
      <c r="H6" s="1" t="s">
        <v>138</v>
      </c>
      <c r="I6" s="1" t="s">
        <v>92</v>
      </c>
      <c r="J6" s="1" t="s">
        <v>341</v>
      </c>
      <c r="K6" s="1" t="s">
        <v>340</v>
      </c>
      <c r="L6" s="1" t="s">
        <v>332</v>
      </c>
      <c r="N6" s="1" t="s">
        <v>34</v>
      </c>
      <c r="O6" s="1" t="s">
        <v>331</v>
      </c>
      <c r="P6" s="1" t="s">
        <v>36</v>
      </c>
      <c r="Q6" s="1" t="s">
        <v>93</v>
      </c>
      <c r="R6" s="1" t="s">
        <v>215</v>
      </c>
      <c r="S6" s="1" t="s">
        <v>44</v>
      </c>
      <c r="T6" s="1" t="s">
        <v>40</v>
      </c>
      <c r="U6" s="1">
        <v>10</v>
      </c>
      <c r="V6" s="3">
        <v>33</v>
      </c>
      <c r="W6" s="1"/>
      <c r="X6" s="1">
        <v>0.21</v>
      </c>
      <c r="Y6" s="1">
        <v>3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2</v>
      </c>
      <c r="BD6" s="1">
        <v>0.25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9</v>
      </c>
      <c r="BP6" s="1">
        <v>1.5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36</v>
      </c>
      <c r="B7" s="2">
        <v>0.375</v>
      </c>
      <c r="C7" s="1" t="s">
        <v>339</v>
      </c>
      <c r="D7" s="1" t="s">
        <v>27</v>
      </c>
      <c r="E7" s="1" t="s">
        <v>28</v>
      </c>
      <c r="F7" s="1" t="s">
        <v>338</v>
      </c>
      <c r="G7" s="1" t="s">
        <v>337</v>
      </c>
      <c r="H7" s="1" t="s">
        <v>336</v>
      </c>
      <c r="I7" s="1" t="s">
        <v>335</v>
      </c>
      <c r="J7" s="1" t="s">
        <v>334</v>
      </c>
      <c r="K7" s="1" t="s">
        <v>333</v>
      </c>
      <c r="L7" s="1" t="s">
        <v>332</v>
      </c>
      <c r="N7" s="1" t="s">
        <v>34</v>
      </c>
      <c r="O7" s="1" t="s">
        <v>331</v>
      </c>
      <c r="P7" s="1" t="s">
        <v>36</v>
      </c>
      <c r="Q7" s="1" t="s">
        <v>133</v>
      </c>
      <c r="R7" s="1" t="s">
        <v>78</v>
      </c>
      <c r="S7" s="1" t="s">
        <v>68</v>
      </c>
      <c r="T7" s="1" t="s">
        <v>228</v>
      </c>
      <c r="U7" s="1">
        <v>11.9</v>
      </c>
      <c r="V7" s="3">
        <v>70</v>
      </c>
      <c r="W7" s="1"/>
      <c r="X7" s="1">
        <v>0.31</v>
      </c>
      <c r="Y7" s="1" t="s">
        <v>330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26</v>
      </c>
      <c r="BD7" s="1">
        <v>0.31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10</v>
      </c>
      <c r="BP7" s="1">
        <v>1.5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A8" s="1"/>
      <c r="AB8" s="1"/>
      <c r="BE8" s="1"/>
    </row>
    <row r="9" spans="1:78" x14ac:dyDescent="0.15">
      <c r="AA9" s="1"/>
      <c r="AB9" s="1"/>
      <c r="BE9" s="1"/>
    </row>
    <row r="10" spans="1:78" x14ac:dyDescent="0.15">
      <c r="AA10" s="1"/>
      <c r="AB10" s="1"/>
      <c r="BE10" s="1"/>
    </row>
    <row r="11" spans="1:78" x14ac:dyDescent="0.15">
      <c r="AA11" s="1"/>
      <c r="AB11" s="1"/>
      <c r="BE11" s="1"/>
    </row>
    <row r="12" spans="1:78" x14ac:dyDescent="0.15">
      <c r="AA12" s="1"/>
      <c r="AB12" s="1"/>
      <c r="BE12" s="1"/>
    </row>
    <row r="13" spans="1:78" x14ac:dyDescent="0.15">
      <c r="AA13" s="1"/>
      <c r="AB13" s="1"/>
      <c r="BE13" s="1"/>
    </row>
    <row r="14" spans="1:78" x14ac:dyDescent="0.15">
      <c r="AA14" s="1"/>
      <c r="AB14" s="1"/>
      <c r="BE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11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75</v>
      </c>
      <c r="C1" s="1" t="s">
        <v>1</v>
      </c>
      <c r="D1" s="1" t="s">
        <v>374</v>
      </c>
      <c r="E1" s="1" t="s">
        <v>2</v>
      </c>
      <c r="F1" s="1" t="s">
        <v>35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73</v>
      </c>
      <c r="AB2" s="1" t="s">
        <v>372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71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44791666666666669</v>
      </c>
      <c r="C4" s="1" t="s">
        <v>339</v>
      </c>
      <c r="D4" s="1" t="s">
        <v>48</v>
      </c>
      <c r="E4" s="1" t="s">
        <v>293</v>
      </c>
      <c r="F4" s="1" t="s">
        <v>370</v>
      </c>
      <c r="G4" s="1" t="s">
        <v>122</v>
      </c>
      <c r="H4" s="1" t="s">
        <v>369</v>
      </c>
      <c r="I4" s="1" t="s">
        <v>368</v>
      </c>
      <c r="J4" s="1" t="s">
        <v>334</v>
      </c>
      <c r="K4" s="1" t="s">
        <v>367</v>
      </c>
      <c r="L4" s="1" t="s">
        <v>332</v>
      </c>
      <c r="N4" s="1" t="s">
        <v>34</v>
      </c>
      <c r="O4" s="1" t="s">
        <v>331</v>
      </c>
      <c r="P4" s="1" t="s">
        <v>36</v>
      </c>
      <c r="Q4" s="1" t="s">
        <v>93</v>
      </c>
      <c r="R4" s="1" t="s">
        <v>215</v>
      </c>
      <c r="S4" s="1" t="s">
        <v>125</v>
      </c>
      <c r="T4" s="1" t="s">
        <v>228</v>
      </c>
      <c r="U4" s="1">
        <v>10.3</v>
      </c>
      <c r="V4" s="3">
        <v>490</v>
      </c>
      <c r="W4" s="1"/>
      <c r="X4" s="1">
        <v>0.46</v>
      </c>
      <c r="Y4" s="1">
        <v>6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38</v>
      </c>
      <c r="BD4" s="1">
        <v>0.43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>
        <v>6.0000000000000001E-3</v>
      </c>
      <c r="BO4" s="1">
        <v>8</v>
      </c>
      <c r="BP4" s="1">
        <v>1.6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81</v>
      </c>
      <c r="B5" s="2">
        <v>0.34027777777777773</v>
      </c>
      <c r="C5" s="1" t="s">
        <v>339</v>
      </c>
      <c r="D5" s="1" t="s">
        <v>48</v>
      </c>
      <c r="E5" s="1" t="s">
        <v>28</v>
      </c>
      <c r="F5" s="1" t="s">
        <v>145</v>
      </c>
      <c r="G5" s="1" t="s">
        <v>366</v>
      </c>
      <c r="H5" s="1" t="s">
        <v>365</v>
      </c>
      <c r="I5" s="1" t="s">
        <v>138</v>
      </c>
      <c r="J5" s="1" t="s">
        <v>364</v>
      </c>
      <c r="K5" s="1" t="s">
        <v>363</v>
      </c>
      <c r="L5" s="1" t="s">
        <v>332</v>
      </c>
      <c r="N5" s="1" t="s">
        <v>34</v>
      </c>
      <c r="O5" s="1" t="s">
        <v>331</v>
      </c>
      <c r="P5" s="1" t="s">
        <v>36</v>
      </c>
      <c r="Q5" s="1" t="s">
        <v>37</v>
      </c>
      <c r="R5" s="1" t="s">
        <v>215</v>
      </c>
      <c r="S5" s="1" t="s">
        <v>215</v>
      </c>
      <c r="T5" s="1" t="s">
        <v>228</v>
      </c>
      <c r="U5" s="1">
        <v>9.6</v>
      </c>
      <c r="V5" s="3">
        <v>940</v>
      </c>
      <c r="W5" s="1"/>
      <c r="X5" s="1">
        <v>0.63</v>
      </c>
      <c r="Y5" s="1">
        <v>6.0000000000000001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24</v>
      </c>
      <c r="BD5" s="1">
        <v>0.28999999999999998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>
        <v>5.0000000000000001E-3</v>
      </c>
      <c r="BO5" s="1">
        <v>10</v>
      </c>
      <c r="BP5" s="1">
        <v>1.6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12</v>
      </c>
      <c r="B6" s="2">
        <v>0.44791666666666669</v>
      </c>
      <c r="C6" s="1" t="s">
        <v>339</v>
      </c>
      <c r="D6" s="1" t="s">
        <v>48</v>
      </c>
      <c r="E6" s="1" t="s">
        <v>294</v>
      </c>
      <c r="F6" s="1" t="s">
        <v>206</v>
      </c>
      <c r="G6" s="1" t="s">
        <v>362</v>
      </c>
      <c r="H6" s="1" t="s">
        <v>361</v>
      </c>
      <c r="I6" s="1" t="s">
        <v>350</v>
      </c>
      <c r="J6" s="1" t="s">
        <v>360</v>
      </c>
      <c r="K6" s="1" t="s">
        <v>359</v>
      </c>
      <c r="L6" s="1" t="s">
        <v>332</v>
      </c>
      <c r="N6" s="1" t="s">
        <v>34</v>
      </c>
      <c r="O6" s="1" t="s">
        <v>331</v>
      </c>
      <c r="P6" s="1" t="s">
        <v>36</v>
      </c>
      <c r="Q6" s="1" t="s">
        <v>358</v>
      </c>
      <c r="R6" s="1" t="s">
        <v>215</v>
      </c>
      <c r="S6" s="1" t="s">
        <v>55</v>
      </c>
      <c r="T6" s="1" t="s">
        <v>228</v>
      </c>
      <c r="U6" s="1">
        <v>10.6</v>
      </c>
      <c r="V6" s="3">
        <v>230</v>
      </c>
      <c r="W6" s="1"/>
      <c r="X6" s="1">
        <v>0.46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37</v>
      </c>
      <c r="BD6" s="1">
        <v>0.42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>
        <v>6.0000000000000001E-3</v>
      </c>
      <c r="BO6" s="1">
        <v>10</v>
      </c>
      <c r="BP6" s="1">
        <v>2.2999999999999998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36</v>
      </c>
      <c r="B7" s="2">
        <v>0.35416666666666669</v>
      </c>
      <c r="C7" s="1" t="s">
        <v>339</v>
      </c>
      <c r="D7" s="1" t="s">
        <v>27</v>
      </c>
      <c r="E7" s="1" t="s">
        <v>28</v>
      </c>
      <c r="F7" s="1" t="s">
        <v>357</v>
      </c>
      <c r="G7" s="1" t="s">
        <v>57</v>
      </c>
      <c r="H7" s="1" t="s">
        <v>356</v>
      </c>
      <c r="I7" s="1" t="s">
        <v>355</v>
      </c>
      <c r="J7" s="1" t="s">
        <v>341</v>
      </c>
      <c r="K7" s="1" t="s">
        <v>340</v>
      </c>
      <c r="L7" s="1" t="s">
        <v>332</v>
      </c>
      <c r="N7" s="1" t="s">
        <v>34</v>
      </c>
      <c r="O7" s="1" t="s">
        <v>331</v>
      </c>
      <c r="P7" s="1" t="s">
        <v>36</v>
      </c>
      <c r="Q7" s="1" t="s">
        <v>93</v>
      </c>
      <c r="R7" s="1" t="s">
        <v>68</v>
      </c>
      <c r="S7" s="1" t="s">
        <v>78</v>
      </c>
      <c r="T7" s="1" t="s">
        <v>40</v>
      </c>
      <c r="U7" s="1">
        <v>11.8</v>
      </c>
      <c r="V7" s="3">
        <v>3300</v>
      </c>
      <c r="W7" s="1"/>
      <c r="X7" s="1">
        <v>0.52</v>
      </c>
      <c r="Y7" s="1">
        <v>6.0000000000000001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42</v>
      </c>
      <c r="BD7" s="1">
        <v>0.47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>
        <v>5.0000000000000001E-3</v>
      </c>
      <c r="BO7" s="1">
        <v>11</v>
      </c>
      <c r="BP7" s="1">
        <v>2.6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A8" s="1"/>
      <c r="AB8" s="1"/>
      <c r="BE8" s="1"/>
    </row>
    <row r="9" spans="1:78" x14ac:dyDescent="0.15">
      <c r="AA9" s="1"/>
      <c r="AB9" s="1"/>
      <c r="BE9" s="1"/>
    </row>
    <row r="10" spans="1:78" x14ac:dyDescent="0.15">
      <c r="AA10" s="1"/>
      <c r="AB10" s="1"/>
      <c r="BE10" s="1"/>
    </row>
    <row r="11" spans="1:78" x14ac:dyDescent="0.15">
      <c r="AA11" s="1"/>
      <c r="AB11" s="1"/>
      <c r="BE11" s="1"/>
    </row>
    <row r="12" spans="1:78" x14ac:dyDescent="0.15">
      <c r="AA12" s="1"/>
      <c r="AB12" s="1"/>
      <c r="BE12" s="1"/>
    </row>
    <row r="13" spans="1:78" x14ac:dyDescent="0.15">
      <c r="AA13" s="1"/>
      <c r="AB13" s="1"/>
      <c r="BE13" s="1"/>
    </row>
    <row r="14" spans="1:78" x14ac:dyDescent="0.15">
      <c r="AA14" s="1"/>
      <c r="AB14" s="1"/>
      <c r="BE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1" spans="21:21" x14ac:dyDescent="0.15">
      <c r="U141" s="1"/>
    </row>
    <row r="142" spans="21:21" x14ac:dyDescent="0.15">
      <c r="U142" s="1"/>
    </row>
    <row r="143" spans="21:21" x14ac:dyDescent="0.15">
      <c r="U143" s="1"/>
    </row>
    <row r="144" spans="21:21" x14ac:dyDescent="0.15">
      <c r="U144" s="1"/>
    </row>
    <row r="145" spans="21:21" x14ac:dyDescent="0.15">
      <c r="U145" s="1"/>
    </row>
    <row r="146" spans="21:21" x14ac:dyDescent="0.15">
      <c r="U146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52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83</v>
      </c>
      <c r="C1" s="1" t="s">
        <v>1</v>
      </c>
      <c r="D1" s="1" t="s">
        <v>382</v>
      </c>
      <c r="E1" s="1" t="s">
        <v>2</v>
      </c>
      <c r="F1" s="1" t="s">
        <v>35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1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22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40277777777777773</v>
      </c>
      <c r="C4" s="1" t="s">
        <v>339</v>
      </c>
      <c r="D4" s="1" t="s">
        <v>48</v>
      </c>
      <c r="E4" s="1" t="s">
        <v>293</v>
      </c>
      <c r="F4" s="1" t="s">
        <v>61</v>
      </c>
      <c r="G4" s="1" t="s">
        <v>381</v>
      </c>
      <c r="I4" s="1" t="s">
        <v>207</v>
      </c>
      <c r="J4" s="1" t="s">
        <v>376</v>
      </c>
      <c r="K4" s="1" t="s">
        <v>376</v>
      </c>
      <c r="L4" s="1" t="s">
        <v>332</v>
      </c>
      <c r="N4" s="1" t="s">
        <v>34</v>
      </c>
      <c r="O4" s="1" t="s">
        <v>331</v>
      </c>
      <c r="P4" s="1" t="s">
        <v>36</v>
      </c>
      <c r="Q4" s="1" t="s">
        <v>133</v>
      </c>
      <c r="R4" s="1" t="s">
        <v>215</v>
      </c>
      <c r="S4" s="1" t="s">
        <v>78</v>
      </c>
      <c r="T4" s="1" t="s">
        <v>228</v>
      </c>
      <c r="U4" s="1">
        <v>10.8</v>
      </c>
      <c r="V4" s="3">
        <v>330</v>
      </c>
      <c r="W4" s="1"/>
      <c r="X4" s="1">
        <v>0.38</v>
      </c>
      <c r="Y4" s="1">
        <v>7.0000000000000001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28999999999999998</v>
      </c>
      <c r="BD4" s="1">
        <v>0.34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>
        <v>6.0000000000000001E-3</v>
      </c>
      <c r="BO4" s="1">
        <v>7</v>
      </c>
      <c r="BP4" s="1">
        <v>1.1000000000000001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81</v>
      </c>
      <c r="B5" s="2">
        <v>0.3923611111111111</v>
      </c>
      <c r="C5" s="1" t="s">
        <v>339</v>
      </c>
      <c r="D5" s="1" t="s">
        <v>48</v>
      </c>
      <c r="E5" s="1" t="s">
        <v>28</v>
      </c>
      <c r="F5" s="1" t="s">
        <v>380</v>
      </c>
      <c r="G5" s="1" t="s">
        <v>150</v>
      </c>
      <c r="I5" s="1" t="s">
        <v>226</v>
      </c>
      <c r="J5" s="1" t="s">
        <v>376</v>
      </c>
      <c r="K5" s="1" t="s">
        <v>376</v>
      </c>
      <c r="L5" s="1" t="s">
        <v>332</v>
      </c>
      <c r="N5" s="1" t="s">
        <v>34</v>
      </c>
      <c r="O5" s="1" t="s">
        <v>331</v>
      </c>
      <c r="P5" s="1" t="s">
        <v>36</v>
      </c>
      <c r="Q5" s="1" t="s">
        <v>93</v>
      </c>
      <c r="R5" s="1" t="s">
        <v>215</v>
      </c>
      <c r="S5" s="1" t="s">
        <v>78</v>
      </c>
      <c r="T5" s="1" t="s">
        <v>228</v>
      </c>
      <c r="U5" s="1">
        <v>9.6</v>
      </c>
      <c r="V5" s="3">
        <v>790</v>
      </c>
      <c r="W5" s="1"/>
      <c r="X5" s="1">
        <v>0.46</v>
      </c>
      <c r="Y5" s="1">
        <v>8.0000000000000002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4</v>
      </c>
      <c r="BD5" s="1">
        <v>0.45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>
        <v>7.0000000000000001E-3</v>
      </c>
      <c r="BO5" s="1">
        <v>8</v>
      </c>
      <c r="BP5" s="1">
        <v>1.2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12</v>
      </c>
      <c r="B6" s="2">
        <v>0.39930555555555558</v>
      </c>
      <c r="C6" s="1" t="s">
        <v>339</v>
      </c>
      <c r="D6" s="1" t="s">
        <v>48</v>
      </c>
      <c r="E6" s="1" t="s">
        <v>294</v>
      </c>
      <c r="F6" s="1" t="s">
        <v>61</v>
      </c>
      <c r="G6" s="1" t="s">
        <v>379</v>
      </c>
      <c r="I6" s="1" t="s">
        <v>378</v>
      </c>
      <c r="J6" s="1" t="s">
        <v>376</v>
      </c>
      <c r="K6" s="1" t="s">
        <v>376</v>
      </c>
      <c r="L6" s="1" t="s">
        <v>332</v>
      </c>
      <c r="N6" s="1" t="s">
        <v>34</v>
      </c>
      <c r="O6" s="1" t="s">
        <v>331</v>
      </c>
      <c r="P6" s="1" t="s">
        <v>36</v>
      </c>
      <c r="Q6" s="1" t="s">
        <v>133</v>
      </c>
      <c r="R6" s="1" t="s">
        <v>215</v>
      </c>
      <c r="S6" s="1" t="s">
        <v>78</v>
      </c>
      <c r="T6" s="1" t="s">
        <v>228</v>
      </c>
      <c r="U6" s="1">
        <v>10.4</v>
      </c>
      <c r="V6" s="3">
        <v>49</v>
      </c>
      <c r="W6" s="1"/>
      <c r="X6" s="1">
        <v>0.28000000000000003</v>
      </c>
      <c r="Y6" s="1">
        <v>7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24</v>
      </c>
      <c r="BD6" s="1">
        <v>0.28999999999999998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>
        <v>6.0000000000000001E-3</v>
      </c>
      <c r="BO6" s="1">
        <v>8</v>
      </c>
      <c r="BP6" s="1">
        <v>1.5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36</v>
      </c>
      <c r="B7" s="2">
        <v>0.39583333333333331</v>
      </c>
      <c r="C7" s="1" t="s">
        <v>339</v>
      </c>
      <c r="D7" s="1" t="s">
        <v>27</v>
      </c>
      <c r="E7" s="1" t="s">
        <v>28</v>
      </c>
      <c r="F7" s="1" t="s">
        <v>377</v>
      </c>
      <c r="G7" s="1" t="s">
        <v>195</v>
      </c>
      <c r="I7" s="1" t="s">
        <v>127</v>
      </c>
      <c r="J7" s="1" t="s">
        <v>376</v>
      </c>
      <c r="K7" s="1" t="s">
        <v>376</v>
      </c>
      <c r="L7" s="1" t="s">
        <v>332</v>
      </c>
      <c r="N7" s="1" t="s">
        <v>34</v>
      </c>
      <c r="O7" s="1" t="s">
        <v>331</v>
      </c>
      <c r="P7" s="1" t="s">
        <v>36</v>
      </c>
      <c r="Q7" s="1" t="s">
        <v>133</v>
      </c>
      <c r="R7" s="1" t="s">
        <v>68</v>
      </c>
      <c r="S7" s="1" t="s">
        <v>68</v>
      </c>
      <c r="T7" s="1" t="s">
        <v>228</v>
      </c>
      <c r="U7" s="1">
        <v>11.9</v>
      </c>
      <c r="V7" s="3">
        <v>33</v>
      </c>
      <c r="W7" s="1"/>
      <c r="X7" s="1">
        <v>0.39</v>
      </c>
      <c r="Y7" s="1">
        <v>8.9999999999999993E-3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3</v>
      </c>
      <c r="BD7" s="1">
        <v>0.35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>
        <v>8.9999999999999993E-3</v>
      </c>
      <c r="BO7" s="1">
        <v>9</v>
      </c>
      <c r="BP7" s="1">
        <v>1.5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A8" s="1"/>
      <c r="AB8" s="1"/>
      <c r="BE8" s="1"/>
    </row>
    <row r="9" spans="1:78" x14ac:dyDescent="0.15">
      <c r="AA9" s="1"/>
      <c r="AB9" s="1"/>
      <c r="BE9" s="1"/>
    </row>
    <row r="10" spans="1:78" x14ac:dyDescent="0.15">
      <c r="AA10" s="1"/>
      <c r="AB10" s="1"/>
      <c r="BE10" s="1"/>
    </row>
    <row r="11" spans="1:78" x14ac:dyDescent="0.15">
      <c r="AA11" s="1"/>
      <c r="AB11" s="1"/>
      <c r="BE11" s="1"/>
    </row>
    <row r="12" spans="1:78" x14ac:dyDescent="0.15">
      <c r="AA12" s="1"/>
      <c r="AB12" s="1"/>
      <c r="BE12" s="1"/>
    </row>
    <row r="13" spans="1:78" x14ac:dyDescent="0.15">
      <c r="AA13" s="1"/>
      <c r="AB13" s="1"/>
      <c r="BE13" s="1"/>
    </row>
    <row r="14" spans="1:78" x14ac:dyDescent="0.15">
      <c r="AA14" s="1"/>
      <c r="AB14" s="1"/>
      <c r="BE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41" spans="21:21" x14ac:dyDescent="0.15">
      <c r="U41" s="1"/>
    </row>
    <row r="42" spans="21:21" x14ac:dyDescent="0.15">
      <c r="U42" s="1"/>
    </row>
    <row r="43" spans="21:21" x14ac:dyDescent="0.15">
      <c r="U43" s="1"/>
    </row>
    <row r="44" spans="21:21" x14ac:dyDescent="0.15">
      <c r="U44" s="1"/>
    </row>
    <row r="45" spans="21:21" x14ac:dyDescent="0.15">
      <c r="U45" s="1"/>
    </row>
    <row r="46" spans="21:21" x14ac:dyDescent="0.15">
      <c r="U46" s="1"/>
    </row>
    <row r="47" spans="21:21" x14ac:dyDescent="0.15">
      <c r="U47" s="1"/>
    </row>
    <row r="48" spans="21:21" x14ac:dyDescent="0.15">
      <c r="U48" s="1"/>
    </row>
    <row r="49" spans="21:21" x14ac:dyDescent="0.15">
      <c r="U49" s="1"/>
    </row>
    <row r="50" spans="21:21" x14ac:dyDescent="0.15">
      <c r="U50" s="1"/>
    </row>
    <row r="51" spans="21:21" x14ac:dyDescent="0.15">
      <c r="U51" s="1"/>
    </row>
    <row r="52" spans="21:21" x14ac:dyDescent="0.15">
      <c r="U52" s="1"/>
    </row>
    <row r="53" spans="21:21" x14ac:dyDescent="0.15">
      <c r="U53" s="1"/>
    </row>
    <row r="58" spans="21:21" x14ac:dyDescent="0.15">
      <c r="U58" s="1"/>
    </row>
    <row r="59" spans="21:21" x14ac:dyDescent="0.15">
      <c r="U59" s="1"/>
    </row>
    <row r="60" spans="21:21" x14ac:dyDescent="0.15">
      <c r="U60" s="1"/>
    </row>
    <row r="61" spans="21:21" x14ac:dyDescent="0.15">
      <c r="U61" s="1"/>
    </row>
    <row r="62" spans="21:21" x14ac:dyDescent="0.15">
      <c r="U62" s="1"/>
    </row>
    <row r="63" spans="21:21" x14ac:dyDescent="0.15">
      <c r="U63" s="1"/>
    </row>
    <row r="64" spans="21:21" x14ac:dyDescent="0.15">
      <c r="U64" s="1"/>
    </row>
    <row r="65" spans="21:21" x14ac:dyDescent="0.15">
      <c r="U65" s="1"/>
    </row>
    <row r="66" spans="21:21" x14ac:dyDescent="0.15">
      <c r="U66" s="1"/>
    </row>
    <row r="67" spans="21:21" x14ac:dyDescent="0.15">
      <c r="U67" s="1"/>
    </row>
    <row r="68" spans="21:21" x14ac:dyDescent="0.15">
      <c r="U68" s="1"/>
    </row>
    <row r="69" spans="21:21" x14ac:dyDescent="0.15">
      <c r="U69" s="1"/>
    </row>
    <row r="70" spans="21:21" x14ac:dyDescent="0.15">
      <c r="U70" s="1"/>
    </row>
    <row r="75" spans="21:21" x14ac:dyDescent="0.15">
      <c r="U75" s="1"/>
    </row>
    <row r="76" spans="21:21" x14ac:dyDescent="0.15">
      <c r="U76" s="1"/>
    </row>
    <row r="77" spans="21:21" x14ac:dyDescent="0.15">
      <c r="U77" s="1"/>
    </row>
    <row r="78" spans="21:21" x14ac:dyDescent="0.15">
      <c r="U78" s="1"/>
    </row>
    <row r="79" spans="21:21" x14ac:dyDescent="0.15">
      <c r="U79" s="1"/>
    </row>
    <row r="80" spans="21:21" x14ac:dyDescent="0.15">
      <c r="U80" s="1"/>
    </row>
    <row r="81" spans="21:21" x14ac:dyDescent="0.15">
      <c r="U81" s="1"/>
    </row>
    <row r="82" spans="21:21" x14ac:dyDescent="0.15">
      <c r="U82" s="1"/>
    </row>
    <row r="83" spans="21:21" x14ac:dyDescent="0.15">
      <c r="U83" s="1"/>
    </row>
    <row r="84" spans="21:21" x14ac:dyDescent="0.15">
      <c r="U84" s="1"/>
    </row>
    <row r="85" spans="21:21" x14ac:dyDescent="0.15">
      <c r="U85" s="1"/>
    </row>
    <row r="86" spans="21:21" x14ac:dyDescent="0.15">
      <c r="U86" s="1"/>
    </row>
    <row r="87" spans="21:21" x14ac:dyDescent="0.15">
      <c r="U87" s="1"/>
    </row>
    <row r="92" spans="21:21" x14ac:dyDescent="0.15">
      <c r="U92" s="1"/>
    </row>
    <row r="93" spans="21:21" x14ac:dyDescent="0.15">
      <c r="U93" s="1"/>
    </row>
    <row r="94" spans="21:21" x14ac:dyDescent="0.15">
      <c r="U94" s="1"/>
    </row>
    <row r="95" spans="21:21" x14ac:dyDescent="0.15">
      <c r="U95" s="1"/>
    </row>
    <row r="96" spans="21:21" x14ac:dyDescent="0.15">
      <c r="U96" s="1"/>
    </row>
    <row r="97" spans="21:21" x14ac:dyDescent="0.15">
      <c r="U97" s="1"/>
    </row>
    <row r="98" spans="21:21" x14ac:dyDescent="0.15">
      <c r="U98" s="1"/>
    </row>
    <row r="99" spans="21:21" x14ac:dyDescent="0.15">
      <c r="U99" s="1"/>
    </row>
    <row r="100" spans="21:21" x14ac:dyDescent="0.15">
      <c r="U100" s="1"/>
    </row>
    <row r="101" spans="21:21" x14ac:dyDescent="0.15">
      <c r="U101" s="1"/>
    </row>
    <row r="102" spans="21:21" x14ac:dyDescent="0.15">
      <c r="U102" s="1"/>
    </row>
    <row r="103" spans="21:21" x14ac:dyDescent="0.15">
      <c r="U103" s="1"/>
    </row>
    <row r="104" spans="21:21" x14ac:dyDescent="0.15">
      <c r="U104" s="1"/>
    </row>
    <row r="105" spans="21:21" x14ac:dyDescent="0.15">
      <c r="U105" s="1"/>
    </row>
    <row r="106" spans="21:21" x14ac:dyDescent="0.15">
      <c r="U106" s="1"/>
    </row>
    <row r="107" spans="21:21" x14ac:dyDescent="0.15">
      <c r="U107" s="1"/>
    </row>
    <row r="108" spans="21:21" x14ac:dyDescent="0.15">
      <c r="U108" s="1"/>
    </row>
    <row r="109" spans="21:21" x14ac:dyDescent="0.15">
      <c r="U109" s="1"/>
    </row>
    <row r="110" spans="21:21" x14ac:dyDescent="0.15">
      <c r="U110" s="1"/>
    </row>
    <row r="111" spans="21:21" x14ac:dyDescent="0.15">
      <c r="U111" s="1"/>
    </row>
    <row r="112" spans="21:21" x14ac:dyDescent="0.15">
      <c r="U112" s="1"/>
    </row>
    <row r="113" spans="21:21" x14ac:dyDescent="0.15">
      <c r="U113" s="1"/>
    </row>
    <row r="114" spans="21:21" x14ac:dyDescent="0.15">
      <c r="U114" s="1"/>
    </row>
    <row r="115" spans="21:21" x14ac:dyDescent="0.15">
      <c r="U115" s="1"/>
    </row>
    <row r="116" spans="21:21" x14ac:dyDescent="0.15">
      <c r="U116" s="1"/>
    </row>
    <row r="117" spans="21:21" x14ac:dyDescent="0.15">
      <c r="U117" s="1"/>
    </row>
    <row r="118" spans="21:21" x14ac:dyDescent="0.15">
      <c r="U118" s="1"/>
    </row>
    <row r="119" spans="21:21" x14ac:dyDescent="0.15">
      <c r="U119" s="1"/>
    </row>
    <row r="120" spans="21:21" x14ac:dyDescent="0.15">
      <c r="U120" s="1"/>
    </row>
    <row r="121" spans="21:21" x14ac:dyDescent="0.15">
      <c r="U121" s="1"/>
    </row>
    <row r="122" spans="21:21" x14ac:dyDescent="0.15">
      <c r="U122" s="1"/>
    </row>
    <row r="123" spans="21:21" x14ac:dyDescent="0.15">
      <c r="U123" s="1"/>
    </row>
    <row r="124" spans="21:21" x14ac:dyDescent="0.15">
      <c r="U124" s="1"/>
    </row>
    <row r="125" spans="21:21" x14ac:dyDescent="0.15">
      <c r="U125" s="1"/>
    </row>
    <row r="126" spans="21:21" x14ac:dyDescent="0.15">
      <c r="U126" s="1"/>
    </row>
    <row r="127" spans="21:21" x14ac:dyDescent="0.15">
      <c r="U127" s="1"/>
    </row>
    <row r="128" spans="21:21" x14ac:dyDescent="0.15">
      <c r="U128" s="1"/>
    </row>
    <row r="129" spans="21:21" x14ac:dyDescent="0.15">
      <c r="U129" s="1"/>
    </row>
    <row r="130" spans="21:21" x14ac:dyDescent="0.15">
      <c r="U130" s="1"/>
    </row>
    <row r="131" spans="21:21" x14ac:dyDescent="0.15">
      <c r="U131" s="1"/>
    </row>
    <row r="132" spans="21:21" x14ac:dyDescent="0.15">
      <c r="U132" s="1"/>
    </row>
    <row r="133" spans="21:21" x14ac:dyDescent="0.15">
      <c r="U133" s="1"/>
    </row>
    <row r="134" spans="21:21" x14ac:dyDescent="0.15">
      <c r="U134" s="1"/>
    </row>
    <row r="135" spans="21:21" x14ac:dyDescent="0.15">
      <c r="U135" s="1"/>
    </row>
    <row r="136" spans="21:21" x14ac:dyDescent="0.15">
      <c r="U136" s="1"/>
    </row>
    <row r="137" spans="21:21" x14ac:dyDescent="0.15">
      <c r="U137" s="1"/>
    </row>
    <row r="138" spans="21:21" x14ac:dyDescent="0.15">
      <c r="U138" s="1"/>
    </row>
    <row r="139" spans="21:21" x14ac:dyDescent="0.15">
      <c r="U139" s="1"/>
    </row>
    <row r="140" spans="21:21" x14ac:dyDescent="0.15">
      <c r="U140" s="1"/>
    </row>
    <row r="145" spans="21:21" x14ac:dyDescent="0.15">
      <c r="U145" s="1"/>
    </row>
    <row r="146" spans="21:21" x14ac:dyDescent="0.15">
      <c r="U146" s="1"/>
    </row>
    <row r="147" spans="21:21" x14ac:dyDescent="0.15">
      <c r="U147" s="1"/>
    </row>
    <row r="148" spans="21:21" x14ac:dyDescent="0.15">
      <c r="U148" s="1"/>
    </row>
    <row r="149" spans="21:21" x14ac:dyDescent="0.15">
      <c r="U149" s="1"/>
    </row>
    <row r="150" spans="21:21" x14ac:dyDescent="0.15">
      <c r="U150" s="1"/>
    </row>
    <row r="151" spans="21:21" x14ac:dyDescent="0.15">
      <c r="U151" s="1"/>
    </row>
    <row r="152" spans="21:21" x14ac:dyDescent="0.15">
      <c r="U152" s="1"/>
    </row>
    <row r="153" spans="21:21" x14ac:dyDescent="0.15">
      <c r="U153" s="1"/>
    </row>
    <row r="154" spans="21:21" x14ac:dyDescent="0.15">
      <c r="U154" s="1"/>
    </row>
    <row r="155" spans="21:21" x14ac:dyDescent="0.15">
      <c r="U155" s="1"/>
    </row>
    <row r="156" spans="21:21" x14ac:dyDescent="0.15">
      <c r="U156" s="1"/>
    </row>
    <row r="157" spans="21:21" x14ac:dyDescent="0.15">
      <c r="U157" s="1"/>
    </row>
    <row r="158" spans="21:21" x14ac:dyDescent="0.15">
      <c r="U158" s="1"/>
    </row>
    <row r="159" spans="21:21" x14ac:dyDescent="0.15">
      <c r="U159" s="1"/>
    </row>
    <row r="160" spans="21:21" x14ac:dyDescent="0.15">
      <c r="U160" s="1"/>
    </row>
    <row r="161" spans="21:21" x14ac:dyDescent="0.15">
      <c r="U161" s="1"/>
    </row>
    <row r="162" spans="21:21" x14ac:dyDescent="0.15">
      <c r="U162" s="1"/>
    </row>
    <row r="163" spans="21:21" x14ac:dyDescent="0.15">
      <c r="U163" s="1"/>
    </row>
    <row r="164" spans="21:21" x14ac:dyDescent="0.15">
      <c r="U164" s="1"/>
    </row>
    <row r="165" spans="21:21" x14ac:dyDescent="0.15">
      <c r="U165" s="1"/>
    </row>
    <row r="166" spans="21:21" x14ac:dyDescent="0.15">
      <c r="U166" s="1"/>
    </row>
    <row r="167" spans="21:21" x14ac:dyDescent="0.15">
      <c r="U167" s="1"/>
    </row>
    <row r="168" spans="21:21" x14ac:dyDescent="0.15">
      <c r="U168" s="1"/>
    </row>
    <row r="169" spans="21:21" x14ac:dyDescent="0.15">
      <c r="U169" s="1"/>
    </row>
    <row r="170" spans="21:21" x14ac:dyDescent="0.15">
      <c r="U170" s="1"/>
    </row>
    <row r="171" spans="21:21" x14ac:dyDescent="0.15">
      <c r="U171" s="1"/>
    </row>
    <row r="172" spans="21:21" x14ac:dyDescent="0.15">
      <c r="U172" s="1"/>
    </row>
    <row r="173" spans="21:21" x14ac:dyDescent="0.15">
      <c r="U173" s="1"/>
    </row>
    <row r="174" spans="21:21" x14ac:dyDescent="0.15">
      <c r="U174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2" spans="21:21" x14ac:dyDescent="0.15">
      <c r="U202" s="1"/>
    </row>
    <row r="203" spans="21:21" x14ac:dyDescent="0.15">
      <c r="U203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65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398</v>
      </c>
      <c r="C1" s="1" t="s">
        <v>1</v>
      </c>
      <c r="D1" s="1" t="s">
        <v>397</v>
      </c>
      <c r="E1" s="1" t="s">
        <v>2</v>
      </c>
      <c r="F1" s="1" t="s">
        <v>352</v>
      </c>
      <c r="G1" s="1" t="s">
        <v>3</v>
      </c>
      <c r="H1" s="1" t="s">
        <v>28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284</v>
      </c>
      <c r="V2" s="1" t="s">
        <v>233</v>
      </c>
      <c r="W2" s="1" t="s">
        <v>298</v>
      </c>
      <c r="X2" s="1" t="s">
        <v>234</v>
      </c>
      <c r="Y2" s="1" t="s">
        <v>235</v>
      </c>
      <c r="Z2" s="1" t="s">
        <v>236</v>
      </c>
      <c r="AA2" s="1" t="s">
        <v>321</v>
      </c>
      <c r="AB2" s="1" t="s">
        <v>325</v>
      </c>
      <c r="AC2" s="1" t="s">
        <v>237</v>
      </c>
      <c r="AD2" s="1" t="s">
        <v>238</v>
      </c>
      <c r="AE2" s="1" t="s">
        <v>299</v>
      </c>
      <c r="AF2" s="1" t="s">
        <v>239</v>
      </c>
      <c r="AG2" s="1" t="s">
        <v>240</v>
      </c>
      <c r="AH2" s="1" t="s">
        <v>241</v>
      </c>
      <c r="AI2" s="1" t="s">
        <v>242</v>
      </c>
      <c r="AJ2" s="1" t="s">
        <v>243</v>
      </c>
      <c r="AK2" s="1" t="s">
        <v>244</v>
      </c>
      <c r="AL2" s="1" t="s">
        <v>245</v>
      </c>
      <c r="AM2" s="1" t="s">
        <v>246</v>
      </c>
      <c r="AN2" s="1" t="s">
        <v>247</v>
      </c>
      <c r="AO2" s="1" t="s">
        <v>248</v>
      </c>
      <c r="AP2" t="s">
        <v>318</v>
      </c>
      <c r="AQ2" s="1" t="s">
        <v>249</v>
      </c>
      <c r="AR2" s="1" t="s">
        <v>250</v>
      </c>
      <c r="AS2" s="1" t="s">
        <v>251</v>
      </c>
      <c r="AT2" s="1" t="s">
        <v>307</v>
      </c>
      <c r="AU2" s="1" t="s">
        <v>252</v>
      </c>
      <c r="AV2" s="1" t="s">
        <v>253</v>
      </c>
      <c r="AW2" s="1" t="s">
        <v>254</v>
      </c>
      <c r="AX2" s="1" t="s">
        <v>255</v>
      </c>
      <c r="AY2" s="1" t="s">
        <v>256</v>
      </c>
      <c r="AZ2" s="1" t="s">
        <v>257</v>
      </c>
      <c r="BA2" s="1" t="s">
        <v>258</v>
      </c>
      <c r="BB2" s="1" t="s">
        <v>259</v>
      </c>
      <c r="BC2" s="1" t="s">
        <v>260</v>
      </c>
      <c r="BD2" s="1" t="s">
        <v>261</v>
      </c>
      <c r="BE2" s="1" t="s">
        <v>396</v>
      </c>
      <c r="BF2" s="1" t="s">
        <v>262</v>
      </c>
      <c r="BG2" s="1" t="s">
        <v>308</v>
      </c>
      <c r="BH2" s="1" t="s">
        <v>309</v>
      </c>
      <c r="BI2" s="1" t="s">
        <v>263</v>
      </c>
      <c r="BJ2" s="1" t="s">
        <v>264</v>
      </c>
      <c r="BK2" s="1" t="s">
        <v>265</v>
      </c>
      <c r="BL2" s="1" t="s">
        <v>266</v>
      </c>
      <c r="BM2" s="1" t="s">
        <v>267</v>
      </c>
      <c r="BN2" s="1" t="s">
        <v>268</v>
      </c>
      <c r="BO2" s="1" t="s">
        <v>269</v>
      </c>
      <c r="BP2" s="1" t="s">
        <v>270</v>
      </c>
      <c r="BQ2" s="1" t="s">
        <v>271</v>
      </c>
      <c r="BR2" s="1" t="s">
        <v>272</v>
      </c>
      <c r="BS2" s="1" t="s">
        <v>273</v>
      </c>
      <c r="BT2" s="1" t="s">
        <v>274</v>
      </c>
      <c r="BU2" s="1" t="s">
        <v>275</v>
      </c>
      <c r="BV2" s="1" t="s">
        <v>276</v>
      </c>
      <c r="BW2" s="1" t="s">
        <v>277</v>
      </c>
      <c r="BX2" s="1" t="s">
        <v>278</v>
      </c>
      <c r="BY2" s="1" t="s">
        <v>279</v>
      </c>
      <c r="BZ2" s="1" t="s">
        <v>313</v>
      </c>
    </row>
    <row r="3" spans="1:78" x14ac:dyDescent="0.15">
      <c r="A3" s="1" t="s">
        <v>285</v>
      </c>
      <c r="B3" s="1" t="s">
        <v>286</v>
      </c>
      <c r="C3" s="1"/>
      <c r="D3" s="1"/>
      <c r="E3" s="1"/>
      <c r="F3" s="1" t="s">
        <v>287</v>
      </c>
      <c r="G3" s="1" t="s">
        <v>287</v>
      </c>
      <c r="H3" s="1" t="s">
        <v>288</v>
      </c>
      <c r="I3" s="1" t="s">
        <v>24</v>
      </c>
      <c r="J3" s="1" t="s">
        <v>289</v>
      </c>
      <c r="K3" s="1" t="s">
        <v>289</v>
      </c>
      <c r="L3" s="1" t="s">
        <v>290</v>
      </c>
      <c r="M3" s="1" t="s">
        <v>289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300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314</v>
      </c>
      <c r="BP3" s="1" t="s">
        <v>25</v>
      </c>
      <c r="BQ3" s="1" t="s">
        <v>315</v>
      </c>
      <c r="BR3" s="1" t="s">
        <v>25</v>
      </c>
      <c r="BS3" s="1" t="s">
        <v>25</v>
      </c>
      <c r="BT3" s="1" t="s">
        <v>31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47</v>
      </c>
      <c r="B4" s="2">
        <v>0.4236111111111111</v>
      </c>
      <c r="C4" s="1" t="s">
        <v>339</v>
      </c>
      <c r="D4" s="1" t="s">
        <v>48</v>
      </c>
      <c r="E4" s="1" t="s">
        <v>293</v>
      </c>
      <c r="F4" s="1" t="s">
        <v>155</v>
      </c>
      <c r="G4" s="1" t="s">
        <v>395</v>
      </c>
      <c r="H4" s="1" t="s">
        <v>394</v>
      </c>
      <c r="I4" s="1" t="s">
        <v>393</v>
      </c>
      <c r="J4" s="1" t="s">
        <v>364</v>
      </c>
      <c r="K4" s="1" t="s">
        <v>363</v>
      </c>
      <c r="L4" s="1" t="s">
        <v>332</v>
      </c>
      <c r="N4" s="1" t="s">
        <v>34</v>
      </c>
      <c r="O4" s="1" t="s">
        <v>331</v>
      </c>
      <c r="P4" s="1" t="s">
        <v>36</v>
      </c>
      <c r="Q4" s="1" t="s">
        <v>358</v>
      </c>
      <c r="R4" s="1" t="s">
        <v>215</v>
      </c>
      <c r="S4" s="1" t="s">
        <v>31</v>
      </c>
      <c r="T4" s="1" t="s">
        <v>228</v>
      </c>
      <c r="U4" s="1">
        <v>10.3</v>
      </c>
      <c r="V4" s="3">
        <v>46</v>
      </c>
      <c r="W4" s="1"/>
      <c r="X4" s="1">
        <v>0.31</v>
      </c>
      <c r="Y4" s="1">
        <v>8.9999999999999993E-3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303</v>
      </c>
      <c r="BC4" s="1">
        <v>0.26</v>
      </c>
      <c r="BD4" s="1">
        <v>0.31</v>
      </c>
      <c r="BE4" s="1"/>
      <c r="BF4" s="1"/>
      <c r="BG4" s="1"/>
      <c r="BH4" s="1"/>
      <c r="BI4" s="1"/>
      <c r="BJ4" s="1"/>
      <c r="BK4" s="1"/>
      <c r="BL4" s="1"/>
      <c r="BM4" s="1" t="s">
        <v>316</v>
      </c>
      <c r="BN4" s="1">
        <v>8.9999999999999993E-3</v>
      </c>
      <c r="BO4" s="1">
        <v>9</v>
      </c>
      <c r="BP4" s="1">
        <v>1.3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81</v>
      </c>
      <c r="B5" s="2">
        <v>0.36458333333333331</v>
      </c>
      <c r="C5" s="1" t="s">
        <v>339</v>
      </c>
      <c r="D5" s="1" t="s">
        <v>48</v>
      </c>
      <c r="E5" s="1" t="s">
        <v>28</v>
      </c>
      <c r="F5" s="1" t="s">
        <v>392</v>
      </c>
      <c r="G5" s="1" t="s">
        <v>391</v>
      </c>
      <c r="H5" s="1" t="s">
        <v>390</v>
      </c>
      <c r="I5" s="1" t="s">
        <v>45</v>
      </c>
      <c r="J5" s="1" t="s">
        <v>388</v>
      </c>
      <c r="K5" s="1" t="s">
        <v>387</v>
      </c>
      <c r="L5" s="1" t="s">
        <v>332</v>
      </c>
      <c r="N5" s="1" t="s">
        <v>34</v>
      </c>
      <c r="O5" s="1" t="s">
        <v>331</v>
      </c>
      <c r="P5" s="1" t="s">
        <v>36</v>
      </c>
      <c r="Q5" s="1" t="s">
        <v>37</v>
      </c>
      <c r="R5" s="1" t="s">
        <v>215</v>
      </c>
      <c r="S5" s="1" t="s">
        <v>78</v>
      </c>
      <c r="T5" s="1" t="s">
        <v>228</v>
      </c>
      <c r="U5" s="1">
        <v>9.4</v>
      </c>
      <c r="V5" s="3">
        <v>1300</v>
      </c>
      <c r="W5" s="1"/>
      <c r="X5" s="1">
        <v>0.39</v>
      </c>
      <c r="Y5" s="1">
        <v>8.0000000000000002E-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303</v>
      </c>
      <c r="BC5" s="1">
        <v>0.31</v>
      </c>
      <c r="BD5" s="1">
        <v>0.36</v>
      </c>
      <c r="BE5" s="1"/>
      <c r="BF5" s="1"/>
      <c r="BG5" s="1"/>
      <c r="BH5" s="1"/>
      <c r="BI5" s="1"/>
      <c r="BJ5" s="1"/>
      <c r="BK5" s="1"/>
      <c r="BL5" s="1"/>
      <c r="BM5" s="1" t="s">
        <v>316</v>
      </c>
      <c r="BN5" s="1">
        <v>5.0000000000000001E-3</v>
      </c>
      <c r="BO5" s="1">
        <v>11</v>
      </c>
      <c r="BP5" s="1">
        <v>1.2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12</v>
      </c>
      <c r="B6" s="2">
        <v>0.4236111111111111</v>
      </c>
      <c r="C6" s="1" t="s">
        <v>339</v>
      </c>
      <c r="D6" s="1" t="s">
        <v>48</v>
      </c>
      <c r="E6" s="1" t="s">
        <v>294</v>
      </c>
      <c r="F6" s="1" t="s">
        <v>389</v>
      </c>
      <c r="G6" s="1" t="s">
        <v>183</v>
      </c>
      <c r="H6" s="1" t="s">
        <v>367</v>
      </c>
      <c r="I6" s="1" t="s">
        <v>363</v>
      </c>
      <c r="J6" s="1" t="s">
        <v>388</v>
      </c>
      <c r="K6" s="1" t="s">
        <v>387</v>
      </c>
      <c r="L6" s="1" t="s">
        <v>332</v>
      </c>
      <c r="N6" s="1" t="s">
        <v>34</v>
      </c>
      <c r="O6" s="1" t="s">
        <v>331</v>
      </c>
      <c r="P6" s="1" t="s">
        <v>36</v>
      </c>
      <c r="Q6" s="1" t="s">
        <v>168</v>
      </c>
      <c r="R6" s="1" t="s">
        <v>58</v>
      </c>
      <c r="S6" s="1" t="s">
        <v>125</v>
      </c>
      <c r="T6" s="1" t="s">
        <v>228</v>
      </c>
      <c r="U6" s="1">
        <v>10.4</v>
      </c>
      <c r="V6" s="3">
        <v>49</v>
      </c>
      <c r="W6" s="1"/>
      <c r="X6" s="1">
        <v>0.21</v>
      </c>
      <c r="Y6" s="1">
        <v>4.0000000000000001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303</v>
      </c>
      <c r="BC6" s="1">
        <v>0.19</v>
      </c>
      <c r="BD6" s="1">
        <v>0.24</v>
      </c>
      <c r="BE6" s="1"/>
      <c r="BF6" s="1"/>
      <c r="BG6" s="1"/>
      <c r="BH6" s="1"/>
      <c r="BI6" s="1"/>
      <c r="BJ6" s="1"/>
      <c r="BK6" s="1"/>
      <c r="BL6" s="1"/>
      <c r="BM6" s="1" t="s">
        <v>316</v>
      </c>
      <c r="BN6" s="1" t="s">
        <v>312</v>
      </c>
      <c r="BO6" s="1">
        <v>13</v>
      </c>
      <c r="BP6" s="1">
        <v>1.7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36</v>
      </c>
      <c r="B7" s="2">
        <v>0.3263888888888889</v>
      </c>
      <c r="C7" s="1" t="s">
        <v>339</v>
      </c>
      <c r="D7" s="1" t="s">
        <v>27</v>
      </c>
      <c r="E7" s="1" t="s">
        <v>28</v>
      </c>
      <c r="F7" s="1" t="s">
        <v>76</v>
      </c>
      <c r="G7" s="1" t="s">
        <v>194</v>
      </c>
      <c r="H7" s="1" t="s">
        <v>386</v>
      </c>
      <c r="I7" s="1" t="s">
        <v>385</v>
      </c>
      <c r="J7" s="1" t="s">
        <v>334</v>
      </c>
      <c r="K7" s="1" t="s">
        <v>384</v>
      </c>
      <c r="L7" s="1" t="s">
        <v>332</v>
      </c>
      <c r="N7" s="1" t="s">
        <v>34</v>
      </c>
      <c r="O7" s="1" t="s">
        <v>331</v>
      </c>
      <c r="P7" s="1" t="s">
        <v>36</v>
      </c>
      <c r="Q7" s="1" t="s">
        <v>358</v>
      </c>
      <c r="R7" s="1" t="s">
        <v>44</v>
      </c>
      <c r="S7" s="1" t="s">
        <v>31</v>
      </c>
      <c r="T7" s="1" t="s">
        <v>228</v>
      </c>
      <c r="U7" s="1">
        <v>12.4</v>
      </c>
      <c r="V7" s="3">
        <v>33</v>
      </c>
      <c r="W7" s="1"/>
      <c r="X7" s="1">
        <v>0.32</v>
      </c>
      <c r="Y7" s="1" t="s">
        <v>330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303</v>
      </c>
      <c r="BC7" s="1">
        <v>0.27</v>
      </c>
      <c r="BD7" s="1">
        <v>0.32</v>
      </c>
      <c r="BE7" s="1"/>
      <c r="BF7" s="1"/>
      <c r="BG7" s="1"/>
      <c r="BH7" s="1"/>
      <c r="BI7" s="1"/>
      <c r="BJ7" s="1"/>
      <c r="BK7" s="1"/>
      <c r="BL7" s="1"/>
      <c r="BM7" s="1" t="s">
        <v>316</v>
      </c>
      <c r="BN7" s="1" t="s">
        <v>312</v>
      </c>
      <c r="BO7" s="1">
        <v>14</v>
      </c>
      <c r="BP7" s="1">
        <v>1.5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A8" s="1"/>
      <c r="AB8" s="1"/>
      <c r="BE8" s="1"/>
    </row>
    <row r="9" spans="1:78" x14ac:dyDescent="0.15">
      <c r="AA9" s="1"/>
      <c r="AB9" s="1"/>
      <c r="BE9" s="1"/>
    </row>
    <row r="10" spans="1:78" x14ac:dyDescent="0.15">
      <c r="AA10" s="1"/>
      <c r="AB10" s="1"/>
      <c r="BE10" s="1"/>
    </row>
    <row r="11" spans="1:78" x14ac:dyDescent="0.15">
      <c r="AA11" s="1"/>
      <c r="AB11" s="1"/>
      <c r="BE11" s="1"/>
    </row>
    <row r="12" spans="1:78" x14ac:dyDescent="0.15">
      <c r="AA12" s="1"/>
      <c r="AB12" s="1"/>
      <c r="BE12" s="1"/>
    </row>
    <row r="13" spans="1:78" x14ac:dyDescent="0.15">
      <c r="AA13" s="1"/>
      <c r="AB13" s="1"/>
      <c r="BE13" s="1"/>
    </row>
    <row r="14" spans="1:78" x14ac:dyDescent="0.15">
      <c r="AA14" s="1"/>
      <c r="AB14" s="1"/>
      <c r="BE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湖央部（丹沢湖）</vt:lpstr>
      <vt:lpstr>大仏大橋</vt:lpstr>
      <vt:lpstr>湖東部（丹沢湖）</vt:lpstr>
      <vt:lpstr>湖西部（丹沢湖）</vt:lpstr>
      <vt:lpstr>玄倉水位観測所</vt:lpstr>
      <vt:lpstr>湖流入前（河内川）</vt:lpstr>
      <vt:lpstr>落合発電所</vt:lpstr>
      <vt:lpstr>湖流入前（世附川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0:43Z</dcterms:created>
  <dcterms:modified xsi:type="dcterms:W3CDTF">2020-03-21T09:51:03Z</dcterms:modified>
</cp:coreProperties>
</file>